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wdp" ContentType="image/vnd.ms-photo"/>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1"/>
  </p:sldMasterIdLst>
  <p:notesMasterIdLst>
    <p:notesMasterId r:id="rId15"/>
  </p:notesMasterIdLst>
  <p:sldIdLst>
    <p:sldId id="272" r:id="rId2"/>
    <p:sldId id="262" r:id="rId3"/>
    <p:sldId id="264" r:id="rId4"/>
    <p:sldId id="275" r:id="rId5"/>
    <p:sldId id="265" r:id="rId6"/>
    <p:sldId id="271" r:id="rId7"/>
    <p:sldId id="270" r:id="rId8"/>
    <p:sldId id="266" r:id="rId9"/>
    <p:sldId id="267" r:id="rId10"/>
    <p:sldId id="268" r:id="rId11"/>
    <p:sldId id="269" r:id="rId12"/>
    <p:sldId id="273" r:id="rId13"/>
    <p:sldId id="274" r:id="rId14"/>
  </p:sldIdLst>
  <p:sldSz cx="9144000" cy="6858000" type="screen4x3"/>
  <p:notesSz cx="6797675" cy="9928225"/>
  <p:defaultText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defaultTextStyle>
  <p:extLst>
    <p:ext uri="{EFAFB233-063F-42B5-8137-9DF3F51BA10A}">
      <p15:sldGuideLst xmlns:p15="http://schemas.microsoft.com/office/powerpoint/2012/main">
        <p15:guide id="1" orient="horz" pos="2160" userDrawn="1">
          <p15:clr>
            <a:srgbClr val="A4A3A4"/>
          </p15:clr>
        </p15:guide>
        <p15:guide id="2" pos="2880" userDrawn="1">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C90204"/>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1"/>
    </p:ext>
  </p:extLst>
</p:presentationPr>
</file>

<file path=ppt/tableStyles.xml><?xml version="1.0" encoding="utf-8"?>
<a:tblStyleLst xmlns:a="http://schemas.openxmlformats.org/drawingml/2006/main" def="{5C22544A-7EE6-4342-B048-85BDC9FD1C3A}"/>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84013" autoAdjust="0"/>
    <p:restoredTop sz="94660"/>
  </p:normalViewPr>
  <p:slideViewPr>
    <p:cSldViewPr snapToGrid="0">
      <p:cViewPr varScale="1">
        <p:scale>
          <a:sx n="103" d="100"/>
          <a:sy n="103" d="100"/>
        </p:scale>
        <p:origin x="240" y="102"/>
      </p:cViewPr>
      <p:guideLst>
        <p:guide orient="horz" pos="2160"/>
        <p:guide pos="2880"/>
      </p:guideLst>
    </p:cSldViewPr>
  </p:slid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theme" Target="theme/theme1.xml"/><Relationship Id="rId3" Type="http://schemas.openxmlformats.org/officeDocument/2006/relationships/slide" Target="slides/slide2.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viewProps" Target="viewProps.xml"/><Relationship Id="rId2" Type="http://schemas.openxmlformats.org/officeDocument/2006/relationships/slide" Target="slides/slide1.xml"/><Relationship Id="rId16" Type="http://schemas.openxmlformats.org/officeDocument/2006/relationships/presProps" Target="presProp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5" Type="http://schemas.openxmlformats.org/officeDocument/2006/relationships/slide" Target="slides/slide4.xml"/><Relationship Id="rId15" Type="http://schemas.openxmlformats.org/officeDocument/2006/relationships/notesMaster" Target="notesMasters/notesMaster1.xml"/><Relationship Id="rId10" Type="http://schemas.openxmlformats.org/officeDocument/2006/relationships/slide" Target="slides/slide9.xml"/><Relationship Id="rId19" Type="http://schemas.openxmlformats.org/officeDocument/2006/relationships/tableStyles" Target="tableStyles.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51275" y="0"/>
            <a:ext cx="2946400" cy="498475"/>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idx="1"/>
          </p:nvPr>
        </p:nvSpPr>
        <p:spPr>
          <a:xfrm>
            <a:off x="1588" y="0"/>
            <a:ext cx="2946400" cy="498475"/>
          </a:xfrm>
          <a:prstGeom prst="rect">
            <a:avLst/>
          </a:prstGeom>
        </p:spPr>
        <p:txBody>
          <a:bodyPr vert="horz" lIns="91440" tIns="45720" rIns="91440" bIns="45720" rtlCol="1"/>
          <a:lstStyle>
            <a:lvl1pPr algn="l">
              <a:defRPr sz="1200"/>
            </a:lvl1pPr>
          </a:lstStyle>
          <a:p>
            <a:fld id="{71498615-E1C2-4D12-A782-DEC8FBBE0A60}" type="datetimeFigureOut">
              <a:rPr lang="he-IL" smtClean="0"/>
              <a:t>כ"ו/תמוז/תשע"ח</a:t>
            </a:fld>
            <a:endParaRPr lang="he-IL"/>
          </a:p>
        </p:txBody>
      </p:sp>
      <p:sp>
        <p:nvSpPr>
          <p:cNvPr id="4" name="מציין מיקום של תמונת שקופית 3"/>
          <p:cNvSpPr>
            <a:spLocks noGrp="1" noRot="1" noChangeAspect="1"/>
          </p:cNvSpPr>
          <p:nvPr>
            <p:ph type="sldImg" idx="2"/>
          </p:nvPr>
        </p:nvSpPr>
        <p:spPr>
          <a:xfrm>
            <a:off x="1165225" y="1241425"/>
            <a:ext cx="4467225" cy="3349625"/>
          </a:xfrm>
          <a:prstGeom prst="rect">
            <a:avLst/>
          </a:prstGeom>
          <a:noFill/>
          <a:ln w="12700">
            <a:solidFill>
              <a:prstClr val="black"/>
            </a:solidFill>
          </a:ln>
        </p:spPr>
        <p:txBody>
          <a:bodyPr vert="horz" lIns="91440" tIns="45720" rIns="91440" bIns="45720" rtlCol="1" anchor="ctr"/>
          <a:lstStyle/>
          <a:p>
            <a:endParaRPr lang="he-IL"/>
          </a:p>
        </p:txBody>
      </p:sp>
      <p:sp>
        <p:nvSpPr>
          <p:cNvPr id="5" name="מציין מיקום של הערות 4"/>
          <p:cNvSpPr>
            <a:spLocks noGrp="1"/>
          </p:cNvSpPr>
          <p:nvPr>
            <p:ph type="body" sz="quarter" idx="3"/>
          </p:nvPr>
        </p:nvSpPr>
        <p:spPr>
          <a:xfrm>
            <a:off x="679450" y="4778375"/>
            <a:ext cx="5438775" cy="3908425"/>
          </a:xfrm>
          <a:prstGeom prst="rect">
            <a:avLst/>
          </a:prstGeom>
        </p:spPr>
        <p:txBody>
          <a:bodyPr vert="horz" lIns="91440" tIns="45720" rIns="91440" bIns="45720" rtlCol="1"/>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he-IL"/>
          </a:p>
        </p:txBody>
      </p:sp>
      <p:sp>
        <p:nvSpPr>
          <p:cNvPr id="6" name="מציין מיקום של כותרת תחתונה 5"/>
          <p:cNvSpPr>
            <a:spLocks noGrp="1"/>
          </p:cNvSpPr>
          <p:nvPr>
            <p:ph type="ftr" sz="quarter" idx="4"/>
          </p:nvPr>
        </p:nvSpPr>
        <p:spPr>
          <a:xfrm>
            <a:off x="3851275" y="9429750"/>
            <a:ext cx="2946400" cy="498475"/>
          </a:xfrm>
          <a:prstGeom prst="rect">
            <a:avLst/>
          </a:prstGeom>
        </p:spPr>
        <p:txBody>
          <a:bodyPr vert="horz" lIns="91440" tIns="45720" rIns="91440" bIns="45720" rtlCol="1" anchor="b"/>
          <a:lstStyle>
            <a:lvl1pPr algn="r">
              <a:defRPr sz="1200"/>
            </a:lvl1pPr>
          </a:lstStyle>
          <a:p>
            <a:endParaRPr lang="he-IL"/>
          </a:p>
        </p:txBody>
      </p:sp>
      <p:sp>
        <p:nvSpPr>
          <p:cNvPr id="7" name="מציין מיקום של מספר שקופית 6"/>
          <p:cNvSpPr>
            <a:spLocks noGrp="1"/>
          </p:cNvSpPr>
          <p:nvPr>
            <p:ph type="sldNum" sz="quarter" idx="5"/>
          </p:nvPr>
        </p:nvSpPr>
        <p:spPr>
          <a:xfrm>
            <a:off x="1588" y="9429750"/>
            <a:ext cx="2946400" cy="498475"/>
          </a:xfrm>
          <a:prstGeom prst="rect">
            <a:avLst/>
          </a:prstGeom>
        </p:spPr>
        <p:txBody>
          <a:bodyPr vert="horz" lIns="91440" tIns="45720" rIns="91440" bIns="45720" rtlCol="1" anchor="b"/>
          <a:lstStyle>
            <a:lvl1pPr algn="l">
              <a:defRPr sz="1200"/>
            </a:lvl1pPr>
          </a:lstStyle>
          <a:p>
            <a:fld id="{3BD2A949-98D2-4079-BFC0-E286642ABD8D}" type="slidenum">
              <a:rPr lang="he-IL" smtClean="0"/>
              <a:t>‹#›</a:t>
            </a:fld>
            <a:endParaRPr lang="he-IL"/>
          </a:p>
        </p:txBody>
      </p:sp>
    </p:spTree>
    <p:extLst>
      <p:ext uri="{BB962C8B-B14F-4D97-AF65-F5344CB8AC3E}">
        <p14:creationId xmlns:p14="http://schemas.microsoft.com/office/powerpoint/2010/main" val="841712737"/>
      </p:ext>
    </p:extLst>
  </p:cSld>
  <p:clrMap bg1="lt1" tx1="dk1" bg2="lt2" tx2="dk2" accent1="accent1" accent2="accent2" accent3="accent3" accent4="accent4" accent5="accent5" accent6="accent6" hlink="hlink" folHlink="folHlink"/>
  <p:notesStyle>
    <a:lvl1pPr marL="0" algn="r" defTabSz="914400" rtl="1" eaLnBrk="1" latinLnBrk="0" hangingPunct="1">
      <a:defRPr sz="1200" kern="1200">
        <a:solidFill>
          <a:schemeClr val="tx1"/>
        </a:solidFill>
        <a:latin typeface="+mn-lt"/>
        <a:ea typeface="+mn-ea"/>
        <a:cs typeface="+mn-cs"/>
      </a:defRPr>
    </a:lvl1pPr>
    <a:lvl2pPr marL="457200" algn="r" defTabSz="914400" rtl="1" eaLnBrk="1" latinLnBrk="0" hangingPunct="1">
      <a:defRPr sz="1200" kern="1200">
        <a:solidFill>
          <a:schemeClr val="tx1"/>
        </a:solidFill>
        <a:latin typeface="+mn-lt"/>
        <a:ea typeface="+mn-ea"/>
        <a:cs typeface="+mn-cs"/>
      </a:defRPr>
    </a:lvl2pPr>
    <a:lvl3pPr marL="914400" algn="r" defTabSz="914400" rtl="1" eaLnBrk="1" latinLnBrk="0" hangingPunct="1">
      <a:defRPr sz="1200" kern="1200">
        <a:solidFill>
          <a:schemeClr val="tx1"/>
        </a:solidFill>
        <a:latin typeface="+mn-lt"/>
        <a:ea typeface="+mn-ea"/>
        <a:cs typeface="+mn-cs"/>
      </a:defRPr>
    </a:lvl3pPr>
    <a:lvl4pPr marL="1371600" algn="r" defTabSz="914400" rtl="1" eaLnBrk="1" latinLnBrk="0" hangingPunct="1">
      <a:defRPr sz="1200" kern="1200">
        <a:solidFill>
          <a:schemeClr val="tx1"/>
        </a:solidFill>
        <a:latin typeface="+mn-lt"/>
        <a:ea typeface="+mn-ea"/>
        <a:cs typeface="+mn-cs"/>
      </a:defRPr>
    </a:lvl4pPr>
    <a:lvl5pPr marL="1828800" algn="r" defTabSz="914400" rtl="1" eaLnBrk="1" latinLnBrk="0" hangingPunct="1">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a:p>
        </p:txBody>
      </p:sp>
      <p:sp>
        <p:nvSpPr>
          <p:cNvPr id="4" name="מציין מיקום של מספר שקופית 3"/>
          <p:cNvSpPr>
            <a:spLocks noGrp="1"/>
          </p:cNvSpPr>
          <p:nvPr>
            <p:ph type="sldNum" sz="quarter" idx="10"/>
          </p:nvPr>
        </p:nvSpPr>
        <p:spPr/>
        <p:txBody>
          <a:bodyPr/>
          <a:lstStyle/>
          <a:p>
            <a:fld id="{5AB26AF6-E515-4628-BA16-A23929747E09}" type="slidenum">
              <a:rPr lang="he-IL" smtClean="0"/>
              <a:t>12</a:t>
            </a:fld>
            <a:endParaRPr lang="he-IL"/>
          </a:p>
        </p:txBody>
      </p:sp>
    </p:spTree>
    <p:extLst>
      <p:ext uri="{BB962C8B-B14F-4D97-AF65-F5344CB8AC3E}">
        <p14:creationId xmlns:p14="http://schemas.microsoft.com/office/powerpoint/2010/main" val="3067617998"/>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Title 1"/>
          <p:cNvSpPr>
            <a:spLocks noGrp="1"/>
          </p:cNvSpPr>
          <p:nvPr>
            <p:ph type="title"/>
          </p:nvPr>
        </p:nvSpPr>
        <p:spPr>
          <a:xfrm>
            <a:off x="628650" y="634549"/>
            <a:ext cx="7886700" cy="598260"/>
          </a:xfrm>
          <a:prstGeom prst="rect">
            <a:avLst/>
          </a:prstGeom>
        </p:spPr>
        <p:txBody>
          <a:bodyPr/>
          <a:lstStyle>
            <a:lvl1pPr algn="ctr">
              <a:defRPr sz="2800">
                <a:latin typeface="Guttman Hatzvi" panose="02010401010101010101" pitchFamily="2" charset="-79"/>
                <a:cs typeface="Guttman Hatzvi" panose="02010401010101010101" pitchFamily="2" charset="-79"/>
              </a:defRPr>
            </a:lvl1pPr>
          </a:lstStyle>
          <a:p>
            <a:r>
              <a:rPr lang="he-IL" dirty="0" smtClean="0"/>
              <a:t>לחץ כדי לערוך סגנון כותרת של תבנית בסיס</a:t>
            </a:r>
            <a:endParaRPr lang="en-US" dirty="0"/>
          </a:p>
        </p:txBody>
      </p:sp>
      <p:sp>
        <p:nvSpPr>
          <p:cNvPr id="3" name="Content Placeholder 2"/>
          <p:cNvSpPr>
            <a:spLocks noGrp="1"/>
          </p:cNvSpPr>
          <p:nvPr>
            <p:ph idx="1"/>
          </p:nvPr>
        </p:nvSpPr>
        <p:spPr>
          <a:xfrm>
            <a:off x="628650" y="1523547"/>
            <a:ext cx="7886700" cy="4351338"/>
          </a:xfrm>
          <a:prstGeom prst="rect">
            <a:avLst/>
          </a:prstGeom>
        </p:spPr>
        <p:txBody>
          <a:bodyPr/>
          <a:lstStyle>
            <a:lvl1pPr>
              <a:defRPr sz="2400">
                <a:latin typeface="Guttman Hatzvi" panose="02010401010101010101" pitchFamily="2" charset="-79"/>
                <a:cs typeface="Guttman Hatzvi" panose="02010401010101010101" pitchFamily="2" charset="-79"/>
              </a:defRPr>
            </a:lvl1pPr>
            <a:lvl2pPr>
              <a:defRPr sz="2000">
                <a:latin typeface="Guttman Hatzvi" panose="02010401010101010101" pitchFamily="2" charset="-79"/>
                <a:cs typeface="Guttman Hatzvi" panose="02010401010101010101" pitchFamily="2" charset="-79"/>
              </a:defRPr>
            </a:lvl2pPr>
            <a:lvl3pPr>
              <a:defRPr sz="1800">
                <a:latin typeface="Guttman Hatzvi" panose="02010401010101010101" pitchFamily="2" charset="-79"/>
                <a:cs typeface="Guttman Hatzvi" panose="02010401010101010101" pitchFamily="2" charset="-79"/>
              </a:defRPr>
            </a:lvl3pPr>
            <a:lvl4pPr>
              <a:defRPr sz="1600">
                <a:latin typeface="Guttman Hatzvi" panose="02010401010101010101" pitchFamily="2" charset="-79"/>
                <a:cs typeface="Guttman Hatzvi" panose="02010401010101010101" pitchFamily="2" charset="-79"/>
              </a:defRPr>
            </a:lvl4pPr>
            <a:lvl5pPr>
              <a:defRPr sz="1600">
                <a:latin typeface="Guttman Hatzvi" panose="02010401010101010101" pitchFamily="2" charset="-79"/>
                <a:cs typeface="Guttman Hatzvi" panose="02010401010101010101" pitchFamily="2" charset="-79"/>
              </a:defRPr>
            </a:lvl5pPr>
          </a:lstStyle>
          <a:p>
            <a:pPr lvl="0"/>
            <a:r>
              <a:rPr lang="he-IL" smtClean="0"/>
              <a:t>לחץ כדי לערוך סגנונות טקסט של תבנית בסיס</a:t>
            </a:r>
          </a:p>
          <a:p>
            <a:pPr lvl="1"/>
            <a:r>
              <a:rPr lang="he-IL" smtClean="0"/>
              <a:t>רמה שנייה</a:t>
            </a:r>
          </a:p>
          <a:p>
            <a:pPr lvl="2"/>
            <a:r>
              <a:rPr lang="he-IL" smtClean="0"/>
              <a:t>רמה שלישית</a:t>
            </a:r>
          </a:p>
          <a:p>
            <a:pPr lvl="3"/>
            <a:r>
              <a:rPr lang="he-IL" smtClean="0"/>
              <a:t>רמה רביעית</a:t>
            </a:r>
          </a:p>
          <a:p>
            <a:pPr lvl="4"/>
            <a:r>
              <a:rPr lang="he-IL" smtClean="0"/>
              <a:t>רמה חמישית</a:t>
            </a:r>
            <a:endParaRPr lang="en-US" dirty="0"/>
          </a:p>
        </p:txBody>
      </p:sp>
      <p:sp>
        <p:nvSpPr>
          <p:cNvPr id="4" name="Date Placeholder 3"/>
          <p:cNvSpPr>
            <a:spLocks noGrp="1"/>
          </p:cNvSpPr>
          <p:nvPr>
            <p:ph type="dt" sz="half" idx="10"/>
          </p:nvPr>
        </p:nvSpPr>
        <p:spPr>
          <a:xfrm>
            <a:off x="628650" y="6356351"/>
            <a:ext cx="2057400" cy="365125"/>
          </a:xfrm>
          <a:prstGeom prst="rect">
            <a:avLst/>
          </a:prstGeom>
        </p:spPr>
        <p:txBody>
          <a:bodyPr/>
          <a:lstStyle/>
          <a:p>
            <a:fld id="{6E878768-201F-4EE9-AAB8-A9E3391F6301}" type="datetimeFigureOut">
              <a:rPr lang="he-IL" smtClean="0"/>
              <a:t>כ"ו/תמוז/תשע"ח</a:t>
            </a:fld>
            <a:endParaRPr lang="he-IL"/>
          </a:p>
        </p:txBody>
      </p:sp>
      <p:sp>
        <p:nvSpPr>
          <p:cNvPr id="5" name="Footer Placeholder 4"/>
          <p:cNvSpPr>
            <a:spLocks noGrp="1"/>
          </p:cNvSpPr>
          <p:nvPr>
            <p:ph type="ftr" sz="quarter" idx="11"/>
          </p:nvPr>
        </p:nvSpPr>
        <p:spPr>
          <a:xfrm>
            <a:off x="3028950" y="6356351"/>
            <a:ext cx="3086100" cy="365125"/>
          </a:xfrm>
          <a:prstGeom prst="rect">
            <a:avLst/>
          </a:prstGeom>
        </p:spPr>
        <p:txBody>
          <a:bodyPr/>
          <a:lstStyle/>
          <a:p>
            <a:endParaRPr lang="he-IL"/>
          </a:p>
        </p:txBody>
      </p:sp>
      <p:sp>
        <p:nvSpPr>
          <p:cNvPr id="6" name="Slide Number Placeholder 5"/>
          <p:cNvSpPr>
            <a:spLocks noGrp="1"/>
          </p:cNvSpPr>
          <p:nvPr>
            <p:ph type="sldNum" sz="quarter" idx="12"/>
          </p:nvPr>
        </p:nvSpPr>
        <p:spPr>
          <a:xfrm>
            <a:off x="6457950" y="6356351"/>
            <a:ext cx="2057400" cy="365125"/>
          </a:xfrm>
          <a:prstGeom prst="rect">
            <a:avLst/>
          </a:prstGeom>
        </p:spPr>
        <p:txBody>
          <a:bodyPr/>
          <a:lstStyle/>
          <a:p>
            <a:fld id="{7A30D10D-3F22-439B-AEB1-D824564E6BEA}" type="slidenum">
              <a:rPr lang="he-IL" smtClean="0"/>
              <a:t>‹#›</a:t>
            </a:fld>
            <a:endParaRPr lang="he-IL"/>
          </a:p>
        </p:txBody>
      </p:sp>
    </p:spTree>
    <p:extLst>
      <p:ext uri="{BB962C8B-B14F-4D97-AF65-F5344CB8AC3E}">
        <p14:creationId xmlns:p14="http://schemas.microsoft.com/office/powerpoint/2010/main" val="3007334976"/>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userDrawn="1">
  <p:cSld name="1_פריסה מותאמת אישית">
    <p:spTree>
      <p:nvGrpSpPr>
        <p:cNvPr id="1" name=""/>
        <p:cNvGrpSpPr/>
        <p:nvPr/>
      </p:nvGrpSpPr>
      <p:grpSpPr>
        <a:xfrm>
          <a:off x="0" y="0"/>
          <a:ext cx="0" cy="0"/>
          <a:chOff x="0" y="0"/>
          <a:chExt cx="0" cy="0"/>
        </a:xfrm>
      </p:grpSpPr>
    </p:spTree>
    <p:extLst>
      <p:ext uri="{BB962C8B-B14F-4D97-AF65-F5344CB8AC3E}">
        <p14:creationId xmlns:p14="http://schemas.microsoft.com/office/powerpoint/2010/main" val="137336166"/>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title">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1143000" y="1122363"/>
            <a:ext cx="6858000" cy="2387600"/>
          </a:xfrm>
          <a:prstGeom prst="rect">
            <a:avLst/>
          </a:prstGeom>
        </p:spPr>
        <p:txBody>
          <a:bodyPr anchor="b"/>
          <a:lstStyle>
            <a:lvl1pPr algn="ctr">
              <a:defRPr sz="4500"/>
            </a:lvl1pPr>
          </a:lstStyle>
          <a:p>
            <a:r>
              <a:rPr lang="he-IL" smtClean="0"/>
              <a:t>לחץ כדי לערוך סגנון כותרת של תבנית בסיס</a:t>
            </a:r>
            <a:endParaRPr lang="he-IL"/>
          </a:p>
        </p:txBody>
      </p:sp>
      <p:sp>
        <p:nvSpPr>
          <p:cNvPr id="3" name="כותרת משנה 2"/>
          <p:cNvSpPr>
            <a:spLocks noGrp="1"/>
          </p:cNvSpPr>
          <p:nvPr>
            <p:ph type="subTitle" idx="1"/>
          </p:nvPr>
        </p:nvSpPr>
        <p:spPr>
          <a:xfrm>
            <a:off x="1143000" y="3602038"/>
            <a:ext cx="6858000" cy="1655762"/>
          </a:xfrm>
          <a:prstGeom prst="rect">
            <a:avLst/>
          </a:prstGeo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he-IL" smtClean="0"/>
              <a:t>לחץ כדי לערוך סגנון כותרת משנה של תבנית בסיס</a:t>
            </a:r>
            <a:endParaRPr lang="he-IL"/>
          </a:p>
        </p:txBody>
      </p:sp>
      <p:sp>
        <p:nvSpPr>
          <p:cNvPr id="4" name="מציין מיקום של תאריך 3"/>
          <p:cNvSpPr>
            <a:spLocks noGrp="1"/>
          </p:cNvSpPr>
          <p:nvPr>
            <p:ph type="dt" sz="half" idx="10"/>
          </p:nvPr>
        </p:nvSpPr>
        <p:spPr>
          <a:xfrm>
            <a:off x="6457950" y="6356351"/>
            <a:ext cx="2057400" cy="365125"/>
          </a:xfrm>
          <a:prstGeom prst="rect">
            <a:avLst/>
          </a:prstGeom>
        </p:spPr>
        <p:txBody>
          <a:bodyPr/>
          <a:lstStyle/>
          <a:p>
            <a:fld id="{F0A1B187-FB30-49F7-8269-DE0F086CBB3D}" type="datetimeFigureOut">
              <a:rPr lang="he-IL" smtClean="0"/>
              <a:t>כ"ו/תמוז/תשע"ח</a:t>
            </a:fld>
            <a:endParaRPr lang="he-IL"/>
          </a:p>
        </p:txBody>
      </p:sp>
      <p:sp>
        <p:nvSpPr>
          <p:cNvPr id="5" name="מציין מיקום של כותרת תחתונה 4"/>
          <p:cNvSpPr>
            <a:spLocks noGrp="1"/>
          </p:cNvSpPr>
          <p:nvPr>
            <p:ph type="ftr" sz="quarter" idx="11"/>
          </p:nvPr>
        </p:nvSpPr>
        <p:spPr>
          <a:xfrm>
            <a:off x="3028950" y="6356351"/>
            <a:ext cx="3086100" cy="365125"/>
          </a:xfrm>
          <a:prstGeom prst="rect">
            <a:avLst/>
          </a:prstGeom>
        </p:spPr>
        <p:txBody>
          <a:bodyPr/>
          <a:lstStyle/>
          <a:p>
            <a:endParaRPr lang="he-IL"/>
          </a:p>
        </p:txBody>
      </p:sp>
      <p:sp>
        <p:nvSpPr>
          <p:cNvPr id="6" name="מציין מיקום של מספר שקופית 5"/>
          <p:cNvSpPr>
            <a:spLocks noGrp="1"/>
          </p:cNvSpPr>
          <p:nvPr>
            <p:ph type="sldNum" sz="quarter" idx="12"/>
          </p:nvPr>
        </p:nvSpPr>
        <p:spPr>
          <a:xfrm>
            <a:off x="628650" y="6356351"/>
            <a:ext cx="2057400" cy="365125"/>
          </a:xfrm>
          <a:prstGeom prst="rect">
            <a:avLst/>
          </a:prstGeom>
        </p:spPr>
        <p:txBody>
          <a:bodyPr/>
          <a:lstStyle/>
          <a:p>
            <a:fld id="{7BEAE7D4-DAD8-4F28-A82A-8FF61F39EB50}" type="slidenum">
              <a:rPr lang="he-IL" smtClean="0"/>
              <a:t>‹#›</a:t>
            </a:fld>
            <a:endParaRPr lang="he-IL"/>
          </a:p>
        </p:txBody>
      </p:sp>
    </p:spTree>
    <p:extLst>
      <p:ext uri="{BB962C8B-B14F-4D97-AF65-F5344CB8AC3E}">
        <p14:creationId xmlns:p14="http://schemas.microsoft.com/office/powerpoint/2010/main" val="2265160560"/>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userDrawn="1">
  <p:cSld name="2_שקופית כותרת">
    <p:spTree>
      <p:nvGrpSpPr>
        <p:cNvPr id="1" name=""/>
        <p:cNvGrpSpPr/>
        <p:nvPr/>
      </p:nvGrpSpPr>
      <p:grpSpPr>
        <a:xfrm>
          <a:off x="0" y="0"/>
          <a:ext cx="0" cy="0"/>
          <a:chOff x="0" y="0"/>
          <a:chExt cx="0" cy="0"/>
        </a:xfrm>
      </p:grpSpPr>
      <p:sp>
        <p:nvSpPr>
          <p:cNvPr id="3" name="מציין מיקום של מספר שקופית 18"/>
          <p:cNvSpPr>
            <a:spLocks noGrp="1"/>
          </p:cNvSpPr>
          <p:nvPr>
            <p:ph type="sldNum" sz="quarter" idx="11"/>
          </p:nvPr>
        </p:nvSpPr>
        <p:spPr>
          <a:xfrm>
            <a:off x="-106363" y="6529388"/>
            <a:ext cx="658813" cy="476250"/>
          </a:xfrm>
          <a:prstGeom prst="rect">
            <a:avLst/>
          </a:prstGeom>
        </p:spPr>
        <p:txBody>
          <a:bodyPr/>
          <a:lstStyle>
            <a:lvl1pPr algn="ctr">
              <a:defRPr lang="he-IL" sz="1050" b="1" kern="1200">
                <a:solidFill>
                  <a:prstClr val="black"/>
                </a:solidFill>
                <a:latin typeface="Arial" pitchFamily="34" charset="0"/>
                <a:ea typeface="+mj-ea"/>
                <a:cs typeface="+mn-cs"/>
              </a:defRPr>
            </a:lvl1pPr>
          </a:lstStyle>
          <a:p>
            <a:pPr>
              <a:defRPr/>
            </a:pPr>
            <a:fld id="{F50030FC-B0FB-4CE1-ACEE-E6F57A60E344}" type="slidenum">
              <a:rPr/>
              <a:pPr>
                <a:defRPr/>
              </a:pPr>
              <a:t>‹#›</a:t>
            </a:fld>
            <a:endParaRPr dirty="0"/>
          </a:p>
        </p:txBody>
      </p:sp>
      <p:sp>
        <p:nvSpPr>
          <p:cNvPr id="4" name="מציין מיקום של כותרת תחתונה 15"/>
          <p:cNvSpPr>
            <a:spLocks noGrp="1"/>
          </p:cNvSpPr>
          <p:nvPr>
            <p:ph type="ftr" sz="quarter" idx="10"/>
          </p:nvPr>
        </p:nvSpPr>
        <p:spPr>
          <a:xfrm>
            <a:off x="0" y="6572250"/>
            <a:ext cx="3590925" cy="285750"/>
          </a:xfrm>
          <a:prstGeom prst="rect">
            <a:avLst/>
          </a:prstGeom>
        </p:spPr>
        <p:txBody>
          <a:bodyPr/>
          <a:lstStyle>
            <a:lvl1pPr marL="0" marR="0" indent="0" algn="l" defTabSz="914400" rtl="0" eaLnBrk="1" fontAlgn="base" latinLnBrk="0" hangingPunct="1">
              <a:lnSpc>
                <a:spcPct val="100000"/>
              </a:lnSpc>
              <a:spcBef>
                <a:spcPct val="0"/>
              </a:spcBef>
              <a:spcAft>
                <a:spcPct val="0"/>
              </a:spcAft>
              <a:buClrTx/>
              <a:buSzTx/>
              <a:buFontTx/>
              <a:buNone/>
              <a:tabLst/>
              <a:defRPr sz="1050">
                <a:solidFill>
                  <a:prstClr val="black"/>
                </a:solidFill>
              </a:defRPr>
            </a:lvl1pPr>
          </a:lstStyle>
          <a:p>
            <a:pPr>
              <a:defRPr/>
            </a:pPr>
            <a:r>
              <a:rPr lang="en-US" dirty="0" smtClean="0"/>
              <a:t>Israel Defense Forces// The Strategic Division </a:t>
            </a:r>
            <a:endParaRPr lang="he-IL" dirty="0">
              <a:ea typeface="+mn-ea"/>
            </a:endParaRPr>
          </a:p>
        </p:txBody>
      </p:sp>
    </p:spTree>
    <p:extLst>
      <p:ext uri="{BB962C8B-B14F-4D97-AF65-F5344CB8AC3E}">
        <p14:creationId xmlns:p14="http://schemas.microsoft.com/office/powerpoint/2010/main" val="2159185162"/>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image" Target="../media/image2.png"/><Relationship Id="rId3" Type="http://schemas.openxmlformats.org/officeDocument/2006/relationships/slideLayout" Target="../slideLayouts/slideLayout3.xml"/><Relationship Id="rId7" Type="http://schemas.microsoft.com/office/2007/relationships/hdphoto" Target="../media/hdphoto1.wdp"/><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image" Target="../media/image1.png"/><Relationship Id="rId5" Type="http://schemas.openxmlformats.org/officeDocument/2006/relationships/theme" Target="../theme/theme1.xml"/><Relationship Id="rId4" Type="http://schemas.openxmlformats.org/officeDocument/2006/relationships/slideLayout" Target="../slideLayouts/slideLayout4.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grpSp>
        <p:nvGrpSpPr>
          <p:cNvPr id="7" name="קבוצה 6"/>
          <p:cNvGrpSpPr/>
          <p:nvPr userDrawn="1"/>
        </p:nvGrpSpPr>
        <p:grpSpPr>
          <a:xfrm>
            <a:off x="-19050" y="-8902"/>
            <a:ext cx="9180513" cy="1050279"/>
            <a:chOff x="-19050" y="-8902"/>
            <a:chExt cx="9180513" cy="1050279"/>
          </a:xfrm>
        </p:grpSpPr>
        <p:sp>
          <p:nvSpPr>
            <p:cNvPr id="8" name="צורה חופשית 7"/>
            <p:cNvSpPr>
              <a:spLocks/>
            </p:cNvSpPr>
            <p:nvPr/>
          </p:nvSpPr>
          <p:spPr bwMode="auto">
            <a:xfrm>
              <a:off x="-19050" y="-24"/>
              <a:ext cx="9163050" cy="1041401"/>
            </a:xfrm>
            <a:custGeom>
              <a:avLst>
                <a:gd name="A1" fmla="val 0"/>
                <a:gd name="A2" fmla="val 0"/>
                <a:gd name="A3" fmla="val 0"/>
                <a:gd name="A4" fmla="val 0"/>
                <a:gd name="A5" fmla="val 0"/>
                <a:gd name="A6" fmla="val 0"/>
                <a:gd name="A7" fmla="val 0"/>
                <a:gd name="A8" fmla="val 0"/>
              </a:avLst>
              <a:gdLst/>
              <a:ahLst/>
              <a:cxnLst>
                <a:cxn ang="0">
                  <a:pos x="6" y="2"/>
                </a:cxn>
                <a:cxn ang="0">
                  <a:pos x="2542" y="0"/>
                </a:cxn>
                <a:cxn ang="0">
                  <a:pos x="4374" y="367"/>
                </a:cxn>
                <a:cxn ang="0">
                  <a:pos x="5766" y="55"/>
                </a:cxn>
                <a:cxn ang="0">
                  <a:pos x="5772" y="213"/>
                </a:cxn>
                <a:cxn ang="0">
                  <a:pos x="4302" y="439"/>
                </a:cxn>
                <a:cxn ang="0">
                  <a:pos x="1488" y="201"/>
                </a:cxn>
                <a:cxn ang="0">
                  <a:pos x="0" y="656"/>
                </a:cxn>
                <a:cxn ang="0">
                  <a:pos x="6" y="2"/>
                </a:cxn>
              </a:cxnLst>
              <a:rect l="0" t="0" r="0" b="0"/>
              <a:pathLst>
                <a:path w="5772" h="656">
                  <a:moveTo>
                    <a:pt x="6" y="2"/>
                  </a:moveTo>
                  <a:lnTo>
                    <a:pt x="2542" y="0"/>
                  </a:lnTo>
                  <a:cubicBezTo>
                    <a:pt x="2746" y="101"/>
                    <a:pt x="3828" y="367"/>
                    <a:pt x="4374" y="367"/>
                  </a:cubicBezTo>
                  <a:cubicBezTo>
                    <a:pt x="4920" y="367"/>
                    <a:pt x="5526" y="152"/>
                    <a:pt x="5766" y="55"/>
                  </a:cubicBezTo>
                  <a:lnTo>
                    <a:pt x="5772" y="213"/>
                  </a:lnTo>
                  <a:cubicBezTo>
                    <a:pt x="5670" y="257"/>
                    <a:pt x="5016" y="441"/>
                    <a:pt x="4302" y="439"/>
                  </a:cubicBezTo>
                  <a:cubicBezTo>
                    <a:pt x="3588" y="437"/>
                    <a:pt x="2205" y="165"/>
                    <a:pt x="1488" y="201"/>
                  </a:cubicBezTo>
                  <a:cubicBezTo>
                    <a:pt x="750" y="209"/>
                    <a:pt x="270" y="482"/>
                    <a:pt x="0" y="656"/>
                  </a:cubicBezTo>
                  <a:lnTo>
                    <a:pt x="6" y="2"/>
                  </a:lnTo>
                  <a:close/>
                </a:path>
              </a:pathLst>
            </a:custGeom>
            <a:gradFill>
              <a:gsLst>
                <a:gs pos="0">
                  <a:srgbClr val="009DD9">
                    <a:shade val="50000"/>
                    <a:alpha val="45000"/>
                    <a:satMod val="120000"/>
                  </a:srgbClr>
                </a:gs>
                <a:gs pos="100000">
                  <a:srgbClr val="C4EEFF">
                    <a:shade val="80000"/>
                    <a:alpha val="55000"/>
                    <a:satMod val="155000"/>
                  </a:srgbClr>
                </a:gs>
              </a:gsLst>
              <a:lin ang="5400000" scaled="1"/>
            </a:gradFill>
            <a:ln w="9525" cap="flat" cmpd="sng" algn="ctr">
              <a:noFill/>
              <a:prstDash val="solid"/>
              <a:round/>
              <a:headEnd type="none" w="med" len="med"/>
              <a:tailEnd type="none" w="med" len="med"/>
            </a:ln>
            <a:effec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black"/>
                </a:solidFill>
                <a:effectLst/>
                <a:uLnTx/>
                <a:uFillTx/>
                <a:latin typeface="Constantia"/>
                <a:cs typeface="Arial" pitchFamily="34" charset="0"/>
              </a:endParaRPr>
            </a:p>
          </p:txBody>
        </p:sp>
        <p:sp>
          <p:nvSpPr>
            <p:cNvPr id="9" name="צורה חופשית 8"/>
            <p:cNvSpPr>
              <a:spLocks/>
            </p:cNvSpPr>
            <p:nvPr/>
          </p:nvSpPr>
          <p:spPr bwMode="auto">
            <a:xfrm>
              <a:off x="4381500" y="-8902"/>
              <a:ext cx="4762500" cy="638176"/>
            </a:xfrm>
            <a:custGeom>
              <a:avLst>
                <a:gd name="A1" fmla="val 0"/>
                <a:gd name="A2" fmla="val 0"/>
                <a:gd name="A3" fmla="val 0"/>
                <a:gd name="A4" fmla="val 0"/>
                <a:gd name="A5" fmla="val 0"/>
                <a:gd name="A6" fmla="val 0"/>
                <a:gd name="A7" fmla="val 0"/>
                <a:gd name="A8" fmla="val 0"/>
              </a:avLst>
              <a:gdLst/>
              <a:ahLst/>
              <a:cxnLst>
                <a:cxn ang="0">
                  <a:pos x="0" y="0"/>
                </a:cxn>
                <a:cxn ang="0">
                  <a:pos x="1668" y="564"/>
                </a:cxn>
                <a:cxn ang="0">
                  <a:pos x="3000" y="186"/>
                </a:cxn>
                <a:cxn ang="0">
                  <a:pos x="3000" y="6"/>
                </a:cxn>
                <a:cxn ang="0">
                  <a:pos x="0" y="0"/>
                </a:cxn>
              </a:cxnLst>
              <a:rect l="0" t="0" r="0" b="0"/>
              <a:pathLst>
                <a:path w="3000" h="595">
                  <a:moveTo>
                    <a:pt x="0" y="0"/>
                  </a:moveTo>
                  <a:cubicBezTo>
                    <a:pt x="174" y="102"/>
                    <a:pt x="1168" y="533"/>
                    <a:pt x="1668" y="564"/>
                  </a:cubicBezTo>
                  <a:cubicBezTo>
                    <a:pt x="2168" y="595"/>
                    <a:pt x="2778" y="279"/>
                    <a:pt x="3000" y="186"/>
                  </a:cubicBezTo>
                  <a:lnTo>
                    <a:pt x="3000" y="6"/>
                  </a:lnTo>
                  <a:lnTo>
                    <a:pt x="0" y="0"/>
                  </a:lnTo>
                  <a:close/>
                </a:path>
              </a:pathLst>
            </a:custGeom>
            <a:gradFill>
              <a:gsLst>
                <a:gs pos="0">
                  <a:srgbClr val="C4EEFF">
                    <a:shade val="50000"/>
                    <a:alpha val="30000"/>
                    <a:satMod val="130000"/>
                  </a:srgbClr>
                </a:gs>
                <a:gs pos="80000">
                  <a:srgbClr val="009DD9">
                    <a:shade val="75000"/>
                    <a:alpha val="45000"/>
                    <a:satMod val="140000"/>
                  </a:srgbClr>
                </a:gs>
              </a:gsLst>
              <a:lin ang="5400000" scaled="1"/>
            </a:gradFill>
            <a:ln w="9525" cap="flat" cmpd="sng" algn="ctr">
              <a:noFill/>
              <a:prstDash val="solid"/>
              <a:round/>
              <a:headEnd type="none" w="med" len="med"/>
              <a:tailEnd type="none" w="med" len="med"/>
            </a:ln>
            <a:effectLst/>
          </p:spPr>
          <p:txBody>
            <a:bodyPr/>
            <a:lstStyle/>
            <a:p>
              <a:pPr marL="0" marR="0" lvl="0" indent="0" algn="l" defTabSz="914400" rtl="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black"/>
                </a:solidFill>
                <a:effectLst/>
                <a:uLnTx/>
                <a:uFillTx/>
                <a:latin typeface="Constantia"/>
                <a:cs typeface="Arial" pitchFamily="34" charset="0"/>
              </a:endParaRPr>
            </a:p>
          </p:txBody>
        </p:sp>
        <p:grpSp>
          <p:nvGrpSpPr>
            <p:cNvPr id="10" name="קבוצה 9"/>
            <p:cNvGrpSpPr>
              <a:grpSpLocks/>
            </p:cNvGrpSpPr>
            <p:nvPr/>
          </p:nvGrpSpPr>
          <p:grpSpPr bwMode="auto">
            <a:xfrm>
              <a:off x="-19050" y="133974"/>
              <a:ext cx="9180513" cy="647700"/>
              <a:chOff x="-19045" y="216550"/>
              <a:chExt cx="9180548" cy="649224"/>
            </a:xfrm>
          </p:grpSpPr>
          <p:sp>
            <p:nvSpPr>
              <p:cNvPr id="11" name="צורה חופשית 10"/>
              <p:cNvSpPr>
                <a:spLocks/>
              </p:cNvSpPr>
              <p:nvPr/>
            </p:nvSpPr>
            <p:spPr bwMode="auto">
              <a:xfrm rot="21435692">
                <a:off x="-19045" y="216550"/>
                <a:ext cx="9163050" cy="649224"/>
              </a:xfrm>
              <a:custGeom>
                <a:avLst>
                  <a:gd name="A1" fmla="val 0"/>
                  <a:gd name="A2" fmla="val 0"/>
                  <a:gd name="A3" fmla="val 0"/>
                  <a:gd name="A4" fmla="val 0"/>
                  <a:gd name="A5" fmla="val 0"/>
                  <a:gd name="A6" fmla="val 0"/>
                  <a:gd name="A7" fmla="val 0"/>
                  <a:gd name="A8" fmla="val 0"/>
                </a:avLst>
                <a:gdLst/>
                <a:ahLst/>
                <a:cxnLst>
                  <a:cxn ang="0">
                    <a:pos x="0" y="966"/>
                  </a:cxn>
                  <a:cxn ang="0">
                    <a:pos x="1608" y="282"/>
                  </a:cxn>
                  <a:cxn ang="0">
                    <a:pos x="4110" y="1008"/>
                  </a:cxn>
                  <a:cxn ang="0">
                    <a:pos x="5772" y="0"/>
                  </a:cxn>
                </a:cxnLst>
                <a:rect l="0" t="0" r="0" b="0"/>
                <a:pathLst>
                  <a:path w="5772" h="1055">
                    <a:moveTo>
                      <a:pt x="0" y="966"/>
                    </a:moveTo>
                    <a:cubicBezTo>
                      <a:pt x="282" y="738"/>
                      <a:pt x="923" y="275"/>
                      <a:pt x="1608" y="282"/>
                    </a:cubicBezTo>
                    <a:cubicBezTo>
                      <a:pt x="2293" y="289"/>
                      <a:pt x="3416" y="1055"/>
                      <a:pt x="4110" y="1008"/>
                    </a:cubicBezTo>
                    <a:cubicBezTo>
                      <a:pt x="4804" y="961"/>
                      <a:pt x="5426" y="210"/>
                      <a:pt x="5772" y="0"/>
                    </a:cubicBezTo>
                  </a:path>
                </a:pathLst>
              </a:custGeom>
              <a:noFill/>
              <a:ln w="10795" cap="flat" cmpd="sng" algn="ctr">
                <a:gradFill>
                  <a:gsLst>
                    <a:gs pos="74000">
                      <a:srgbClr val="C4EEFF">
                        <a:shade val="75000"/>
                      </a:srgbClr>
                    </a:gs>
                    <a:gs pos="86000">
                      <a:sysClr val="windowText" lastClr="000000">
                        <a:alpha val="29000"/>
                      </a:sysClr>
                    </a:gs>
                    <a:gs pos="16000">
                      <a:srgbClr val="009DD9">
                        <a:shade val="75000"/>
                        <a:alpha val="56000"/>
                      </a:srgbClr>
                    </a:gs>
                  </a:gsLst>
                  <a:lin ang="5400000" scaled="1"/>
                </a:gradFill>
                <a:prstDash val="solid"/>
                <a:round/>
                <a:headEnd type="none" w="med" len="med"/>
                <a:tailEnd type="none" w="med" len="med"/>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black"/>
                  </a:solidFill>
                  <a:effectLst/>
                  <a:uLnTx/>
                  <a:uFillTx/>
                  <a:latin typeface="Constantia"/>
                  <a:cs typeface="Arial" pitchFamily="34" charset="0"/>
                </a:endParaRPr>
              </a:p>
            </p:txBody>
          </p:sp>
          <p:sp>
            <p:nvSpPr>
              <p:cNvPr id="12" name="צורה חופשית 11"/>
              <p:cNvSpPr>
                <a:spLocks/>
              </p:cNvSpPr>
              <p:nvPr/>
            </p:nvSpPr>
            <p:spPr bwMode="auto">
              <a:xfrm rot="21435692">
                <a:off x="-14309" y="290003"/>
                <a:ext cx="9175812" cy="530352"/>
              </a:xfrm>
              <a:custGeom>
                <a:avLst>
                  <a:gd name="A1" fmla="val 0"/>
                  <a:gd name="A2" fmla="val 0"/>
                  <a:gd name="A3" fmla="val 0"/>
                  <a:gd name="A4" fmla="val 0"/>
                  <a:gd name="A5" fmla="val 0"/>
                  <a:gd name="A6" fmla="val 0"/>
                  <a:gd name="A7" fmla="val 0"/>
                  <a:gd name="A8" fmla="val 0"/>
                </a:avLst>
                <a:gdLst/>
                <a:ahLst/>
                <a:cxnLst>
                  <a:cxn ang="0">
                    <a:pos x="0" y="732"/>
                  </a:cxn>
                  <a:cxn ang="0">
                    <a:pos x="1638" y="228"/>
                  </a:cxn>
                  <a:cxn ang="0">
                    <a:pos x="4122" y="816"/>
                  </a:cxn>
                  <a:cxn ang="0">
                    <a:pos x="5766" y="0"/>
                  </a:cxn>
                </a:cxnLst>
                <a:rect l="0" t="0" r="0" b="0"/>
                <a:pathLst>
                  <a:path w="5766" h="854">
                    <a:moveTo>
                      <a:pt x="0" y="732"/>
                    </a:moveTo>
                    <a:cubicBezTo>
                      <a:pt x="273" y="647"/>
                      <a:pt x="951" y="214"/>
                      <a:pt x="1638" y="228"/>
                    </a:cubicBezTo>
                    <a:cubicBezTo>
                      <a:pt x="2325" y="242"/>
                      <a:pt x="3434" y="854"/>
                      <a:pt x="4122" y="816"/>
                    </a:cubicBezTo>
                    <a:cubicBezTo>
                      <a:pt x="4810" y="778"/>
                      <a:pt x="5424" y="170"/>
                      <a:pt x="5766" y="0"/>
                    </a:cubicBezTo>
                  </a:path>
                </a:pathLst>
              </a:custGeom>
              <a:noFill/>
              <a:ln w="9525" cap="flat" cmpd="sng" algn="ctr">
                <a:gradFill>
                  <a:gsLst>
                    <a:gs pos="74000">
                      <a:srgbClr val="59A9F2"/>
                    </a:gs>
                    <a:gs pos="44000">
                      <a:srgbClr val="0F6FC6"/>
                    </a:gs>
                    <a:gs pos="33000">
                      <a:srgbClr val="009DD9">
                        <a:alpha val="56000"/>
                      </a:srgbClr>
                    </a:gs>
                  </a:gsLst>
                  <a:lin ang="5400000" scaled="1"/>
                </a:gradFill>
                <a:prstDash val="solid"/>
                <a:round/>
                <a:headEnd type="none" w="med" len="med"/>
                <a:tailEnd type="none" w="med" len="med"/>
              </a:ln>
              <a:effectLst/>
            </p:spPr>
            <p:txBody>
              <a:bodyPr/>
              <a:lstStyle/>
              <a:p>
                <a:pPr marL="0" marR="0" lvl="0" indent="0" defTabSz="914400" eaLnBrk="1" fontAlgn="auto" latinLnBrk="0" hangingPunct="1">
                  <a:lnSpc>
                    <a:spcPct val="100000"/>
                  </a:lnSpc>
                  <a:spcBef>
                    <a:spcPts val="0"/>
                  </a:spcBef>
                  <a:spcAft>
                    <a:spcPts val="0"/>
                  </a:spcAft>
                  <a:buClrTx/>
                  <a:buSzTx/>
                  <a:buFontTx/>
                  <a:buNone/>
                  <a:tabLst/>
                  <a:defRPr/>
                </a:pPr>
                <a:endParaRPr kumimoji="0" lang="en-US" sz="1800" b="0" i="0" u="none" strike="noStrike" kern="0" cap="none" spc="0" normalizeH="0" baseline="0" noProof="0">
                  <a:ln>
                    <a:noFill/>
                  </a:ln>
                  <a:solidFill>
                    <a:prstClr val="black"/>
                  </a:solidFill>
                  <a:effectLst/>
                  <a:uLnTx/>
                  <a:uFillTx/>
                  <a:latin typeface="Constantia"/>
                  <a:cs typeface="Arial" pitchFamily="34" charset="0"/>
                </a:endParaRPr>
              </a:p>
            </p:txBody>
          </p:sp>
        </p:grpSp>
      </p:grpSp>
      <p:sp>
        <p:nvSpPr>
          <p:cNvPr id="13" name="מלבן 12"/>
          <p:cNvSpPr/>
          <p:nvPr userDrawn="1"/>
        </p:nvSpPr>
        <p:spPr>
          <a:xfrm>
            <a:off x="0" y="6597352"/>
            <a:ext cx="9144000" cy="260648"/>
          </a:xfrm>
          <a:prstGeom prst="rect">
            <a:avLst/>
          </a:prstGeom>
          <a:solidFill>
            <a:srgbClr val="4F81BD">
              <a:lumMod val="60000"/>
              <a:lumOff val="40000"/>
            </a:srgbClr>
          </a:solidFill>
          <a:ln w="25400" cap="flat" cmpd="sng" algn="ctr">
            <a:noFill/>
            <a:prstDash val="solid"/>
          </a:ln>
          <a:effectLst/>
        </p:spPr>
        <p:txBody>
          <a:bodyPr rtlCol="1"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he-IL" sz="1800" b="0" i="0" u="none" strike="noStrike" kern="0" cap="none" spc="0" normalizeH="0" baseline="0" noProof="0" dirty="0">
              <a:ln>
                <a:noFill/>
              </a:ln>
              <a:solidFill>
                <a:prstClr val="white"/>
              </a:solidFill>
              <a:effectLst/>
              <a:uLnTx/>
              <a:uFillTx/>
              <a:latin typeface="+mn-lt"/>
              <a:ea typeface="+mn-ea"/>
              <a:cs typeface="Arial" panose="020B0604020202020204" pitchFamily="34" charset="0"/>
            </a:endParaRPr>
          </a:p>
        </p:txBody>
      </p:sp>
      <p:sp>
        <p:nvSpPr>
          <p:cNvPr id="14" name="כותרת 1"/>
          <p:cNvSpPr txBox="1">
            <a:spLocks/>
          </p:cNvSpPr>
          <p:nvPr userDrawn="1"/>
        </p:nvSpPr>
        <p:spPr bwMode="auto">
          <a:xfrm>
            <a:off x="3837214" y="6596128"/>
            <a:ext cx="1469572" cy="264386"/>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p>
            <a:pPr algn="ctr" rtl="0" eaLnBrk="0" fontAlgn="base" hangingPunct="0">
              <a:spcBef>
                <a:spcPct val="0"/>
              </a:spcBef>
              <a:spcAft>
                <a:spcPct val="0"/>
              </a:spcAft>
              <a:defRPr/>
            </a:pPr>
            <a:r>
              <a:rPr lang="en-US" sz="1200" b="1" kern="0" dirty="0" smtClean="0">
                <a:solidFill>
                  <a:prstClr val="black"/>
                </a:solidFill>
                <a:latin typeface="+mn-lt"/>
                <a:cs typeface="Guttman Hatzvi" pitchFamily="2" charset="-79"/>
              </a:rPr>
              <a:t>-FOUO-</a:t>
            </a:r>
            <a:endParaRPr lang="he-IL" sz="1200" b="1" kern="0" dirty="0">
              <a:solidFill>
                <a:prstClr val="black"/>
              </a:solidFill>
              <a:latin typeface="+mn-lt"/>
              <a:cs typeface="Guttman Hatzvi" pitchFamily="2" charset="-79"/>
            </a:endParaRPr>
          </a:p>
        </p:txBody>
      </p:sp>
      <p:sp>
        <p:nvSpPr>
          <p:cNvPr id="15" name="כותרת 1"/>
          <p:cNvSpPr txBox="1">
            <a:spLocks/>
          </p:cNvSpPr>
          <p:nvPr userDrawn="1"/>
        </p:nvSpPr>
        <p:spPr bwMode="auto">
          <a:xfrm>
            <a:off x="0" y="6597352"/>
            <a:ext cx="2276746" cy="263477"/>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p>
            <a:pPr algn="l" rtl="0" eaLnBrk="0" fontAlgn="base" hangingPunct="0">
              <a:spcBef>
                <a:spcPct val="0"/>
              </a:spcBef>
              <a:spcAft>
                <a:spcPct val="0"/>
              </a:spcAft>
              <a:defRPr/>
            </a:pPr>
            <a:r>
              <a:rPr lang="en-US" sz="1100" b="1" kern="0" dirty="0" smtClean="0">
                <a:solidFill>
                  <a:prstClr val="black"/>
                </a:solidFill>
                <a:latin typeface="+mn-lt"/>
                <a:cs typeface="Guttman Hatzvi" pitchFamily="2" charset="-79"/>
              </a:rPr>
              <a:t>IDF</a:t>
            </a:r>
            <a:r>
              <a:rPr lang="en-US" sz="1100" b="1" kern="0" baseline="0" dirty="0" smtClean="0">
                <a:solidFill>
                  <a:prstClr val="black"/>
                </a:solidFill>
                <a:latin typeface="+mn-lt"/>
                <a:cs typeface="Guttman Hatzvi" pitchFamily="2" charset="-79"/>
              </a:rPr>
              <a:t> Military Colleges</a:t>
            </a:r>
            <a:endParaRPr lang="he-IL" sz="2400" b="1" kern="0" dirty="0">
              <a:solidFill>
                <a:prstClr val="black"/>
              </a:solidFill>
              <a:latin typeface="+mn-lt"/>
              <a:cs typeface="Guttman Hatzvi" pitchFamily="2" charset="-79"/>
            </a:endParaRPr>
          </a:p>
        </p:txBody>
      </p:sp>
      <p:sp>
        <p:nvSpPr>
          <p:cNvPr id="16" name="כותרת 1"/>
          <p:cNvSpPr txBox="1">
            <a:spLocks/>
          </p:cNvSpPr>
          <p:nvPr userDrawn="1"/>
        </p:nvSpPr>
        <p:spPr bwMode="auto">
          <a:xfrm>
            <a:off x="7410022" y="6598582"/>
            <a:ext cx="1619672" cy="259417"/>
          </a:xfrm>
          <a:prstGeom prst="rect">
            <a:avLst/>
          </a:prstGeom>
          <a:noFill/>
          <a:ln w="9525">
            <a:noFill/>
            <a:miter lim="800000"/>
            <a:headEnd/>
            <a:tailEnd/>
          </a:ln>
          <a:effectLst/>
        </p:spPr>
        <p:txBody>
          <a:bodyPr vert="horz" wrap="square" lIns="91440" tIns="45720" rIns="0" bIns="45720" numCol="1" anchor="ctr" anchorCtr="0" compatLnSpc="1">
            <a:prstTxWarp prst="textNoShape">
              <a:avLst/>
            </a:prstTxWarp>
          </a:bodyPr>
          <a:lstStyle/>
          <a:p>
            <a:pPr algn="r" rtl="1" eaLnBrk="0" fontAlgn="base" hangingPunct="0">
              <a:spcBef>
                <a:spcPct val="0"/>
              </a:spcBef>
              <a:spcAft>
                <a:spcPct val="0"/>
              </a:spcAft>
              <a:defRPr/>
            </a:pPr>
            <a:fld id="{1EE79B35-3D82-4D13-9781-E3639559A659}" type="slidenum">
              <a:rPr lang="he-IL" sz="1100" b="1" kern="0" smtClean="0">
                <a:solidFill>
                  <a:prstClr val="black"/>
                </a:solidFill>
                <a:latin typeface="Guttman Hatzvi" pitchFamily="2" charset="-79"/>
                <a:cs typeface="Guttman Hatzvi" pitchFamily="2" charset="-79"/>
              </a:rPr>
              <a:pPr algn="r" rtl="1" eaLnBrk="0" fontAlgn="base" hangingPunct="0">
                <a:spcBef>
                  <a:spcPct val="0"/>
                </a:spcBef>
                <a:spcAft>
                  <a:spcPct val="0"/>
                </a:spcAft>
                <a:defRPr/>
              </a:pPr>
              <a:t>‹#›</a:t>
            </a:fld>
            <a:r>
              <a:rPr lang="en-US" sz="1100" b="1" kern="0" dirty="0" smtClean="0">
                <a:solidFill>
                  <a:prstClr val="black"/>
                </a:solidFill>
                <a:latin typeface="+mn-lt"/>
                <a:cs typeface="Guttman Hatzvi" pitchFamily="2" charset="-79"/>
              </a:rPr>
              <a:t> Slide  </a:t>
            </a:r>
            <a:r>
              <a:rPr lang="he-IL" sz="1100" b="1" kern="0" dirty="0" smtClean="0">
                <a:solidFill>
                  <a:prstClr val="black"/>
                </a:solidFill>
                <a:latin typeface="Guttman Hatzvi" pitchFamily="2" charset="-79"/>
                <a:cs typeface="Guttman Hatzvi" pitchFamily="2" charset="-79"/>
              </a:rPr>
              <a:t> </a:t>
            </a:r>
            <a:endParaRPr lang="he-IL" sz="1100" b="1" kern="0" dirty="0">
              <a:solidFill>
                <a:prstClr val="black"/>
              </a:solidFill>
              <a:latin typeface="Guttman Hatzvi" pitchFamily="2" charset="-79"/>
              <a:cs typeface="Guttman Hatzvi" pitchFamily="2" charset="-79"/>
            </a:endParaRPr>
          </a:p>
        </p:txBody>
      </p:sp>
      <p:pic>
        <p:nvPicPr>
          <p:cNvPr id="17" name="תמונה 16"/>
          <p:cNvPicPr/>
          <p:nvPr userDrawn="1"/>
        </p:nvPicPr>
        <p:blipFill>
          <a:blip r:embed="rId6">
            <a:extLst>
              <a:ext uri="{BEBA8EAE-BF5A-486C-A8C5-ECC9F3942E4B}">
                <a14:imgProps xmlns:a14="http://schemas.microsoft.com/office/drawing/2010/main">
                  <a14:imgLayer r:embed="rId7">
                    <a14:imgEffect>
                      <a14:backgroundRemoval t="0" b="99329" l="1575" r="96063"/>
                    </a14:imgEffect>
                  </a14:imgLayer>
                </a14:imgProps>
              </a:ext>
              <a:ext uri="{28A0092B-C50C-407E-A947-70E740481C1C}">
                <a14:useLocalDpi xmlns:a14="http://schemas.microsoft.com/office/drawing/2010/main" val="0"/>
              </a:ext>
            </a:extLst>
          </a:blip>
          <a:srcRect/>
          <a:stretch>
            <a:fillRect/>
          </a:stretch>
        </p:blipFill>
        <p:spPr bwMode="auto">
          <a:xfrm>
            <a:off x="7991275" y="0"/>
            <a:ext cx="899317" cy="1051207"/>
          </a:xfrm>
          <a:prstGeom prst="rect">
            <a:avLst/>
          </a:prstGeom>
          <a:noFill/>
        </p:spPr>
      </p:pic>
      <p:pic>
        <p:nvPicPr>
          <p:cNvPr id="18" name="תמונה 17"/>
          <p:cNvPicPr>
            <a:picLocks noChangeAspect="1"/>
          </p:cNvPicPr>
          <p:nvPr userDrawn="1"/>
        </p:nvPicPr>
        <p:blipFill>
          <a:blip r:embed="rId8">
            <a:extLst>
              <a:ext uri="{28A0092B-C50C-407E-A947-70E740481C1C}">
                <a14:useLocalDpi xmlns:a14="http://schemas.microsoft.com/office/drawing/2010/main" val="0"/>
              </a:ext>
            </a:extLst>
          </a:blip>
          <a:stretch>
            <a:fillRect/>
          </a:stretch>
        </p:blipFill>
        <p:spPr>
          <a:xfrm>
            <a:off x="259386" y="1864"/>
            <a:ext cx="916276" cy="1043228"/>
          </a:xfrm>
          <a:prstGeom prst="rect">
            <a:avLst/>
          </a:prstGeom>
        </p:spPr>
      </p:pic>
    </p:spTree>
    <p:extLst>
      <p:ext uri="{BB962C8B-B14F-4D97-AF65-F5344CB8AC3E}">
        <p14:creationId xmlns:p14="http://schemas.microsoft.com/office/powerpoint/2010/main" val="1559912252"/>
      </p:ext>
    </p:extLst>
  </p:cSld>
  <p:clrMap bg1="lt1" tx1="dk1" bg2="lt2" tx2="dk2" accent1="accent1" accent2="accent2" accent3="accent3" accent4="accent4" accent5="accent5" accent6="accent6" hlink="hlink" folHlink="folHlink"/>
  <p:sldLayoutIdLst>
    <p:sldLayoutId id="2147483662" r:id="rId1"/>
    <p:sldLayoutId id="2147483663" r:id="rId2"/>
    <p:sldLayoutId id="2147483664" r:id="rId3"/>
    <p:sldLayoutId id="2147483665" r:id="rId4"/>
  </p:sldLayoutIdLst>
  <p:timing>
    <p:tnLst>
      <p:par>
        <p:cTn id="1" dur="indefinite" restart="never" nodeType="tmRoot"/>
      </p:par>
    </p:tnLst>
  </p:timing>
  <p:txStyles>
    <p:titleStyle>
      <a:lvl1pPr algn="l" defTabSz="914400" rtl="1" eaLnBrk="1" latinLnBrk="0" hangingPunct="1">
        <a:lnSpc>
          <a:spcPct val="90000"/>
        </a:lnSpc>
        <a:spcBef>
          <a:spcPct val="0"/>
        </a:spcBef>
        <a:buNone/>
        <a:defRPr sz="4400" kern="1200">
          <a:solidFill>
            <a:schemeClr val="tx1"/>
          </a:solidFill>
          <a:latin typeface="+mj-lt"/>
          <a:ea typeface="+mj-ea"/>
          <a:cs typeface="+mj-cs"/>
        </a:defRPr>
      </a:lvl1pPr>
    </p:titleStyle>
    <p:bodyStyle>
      <a:lvl1pPr marL="228600" indent="-228600" algn="r" defTabSz="914400" rtl="1" eaLnBrk="1" latinLnBrk="0" hangingPunct="1">
        <a:lnSpc>
          <a:spcPct val="90000"/>
        </a:lnSpc>
        <a:spcBef>
          <a:spcPts val="1000"/>
        </a:spcBef>
        <a:buFont typeface="Arial" panose="020B0604020202020204" pitchFamily="34" charset="0"/>
        <a:buChar char="•"/>
        <a:defRPr sz="2800" kern="1200">
          <a:solidFill>
            <a:schemeClr val="tx1"/>
          </a:solidFill>
          <a:latin typeface="+mn-lt"/>
          <a:ea typeface="+mn-ea"/>
          <a:cs typeface="+mn-cs"/>
        </a:defRPr>
      </a:lvl1pPr>
      <a:lvl2pPr marL="685800" indent="-228600" algn="r" defTabSz="914400" rtl="1" eaLnBrk="1" latinLnBrk="0" hangingPunct="1">
        <a:lnSpc>
          <a:spcPct val="90000"/>
        </a:lnSpc>
        <a:spcBef>
          <a:spcPts val="500"/>
        </a:spcBef>
        <a:buFont typeface="Arial" panose="020B0604020202020204" pitchFamily="34" charset="0"/>
        <a:buChar char="•"/>
        <a:defRPr sz="2400" kern="1200">
          <a:solidFill>
            <a:schemeClr val="tx1"/>
          </a:solidFill>
          <a:latin typeface="+mn-lt"/>
          <a:ea typeface="+mn-ea"/>
          <a:cs typeface="+mn-cs"/>
        </a:defRPr>
      </a:lvl2pPr>
      <a:lvl3pPr marL="1143000" indent="-228600" algn="r" defTabSz="914400" rtl="1" eaLnBrk="1" latinLnBrk="0" hangingPunct="1">
        <a:lnSpc>
          <a:spcPct val="90000"/>
        </a:lnSpc>
        <a:spcBef>
          <a:spcPts val="500"/>
        </a:spcBef>
        <a:buFont typeface="Arial" panose="020B0604020202020204" pitchFamily="34" charset="0"/>
        <a:buChar char="•"/>
        <a:defRPr sz="2000" kern="1200">
          <a:solidFill>
            <a:schemeClr val="tx1"/>
          </a:solidFill>
          <a:latin typeface="+mn-lt"/>
          <a:ea typeface="+mn-ea"/>
          <a:cs typeface="+mn-cs"/>
        </a:defRPr>
      </a:lvl3pPr>
      <a:lvl4pPr marL="16002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4pPr>
      <a:lvl5pPr marL="20574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5pPr>
      <a:lvl6pPr marL="25146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6pPr>
      <a:lvl7pPr marL="29718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7pPr>
      <a:lvl8pPr marL="34290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8pPr>
      <a:lvl9pPr marL="3886200" indent="-228600" algn="r" defTabSz="914400" rtl="1" eaLnBrk="1" latinLnBrk="0" hangingPunct="1">
        <a:lnSpc>
          <a:spcPct val="90000"/>
        </a:lnSpc>
        <a:spcBef>
          <a:spcPts val="500"/>
        </a:spcBef>
        <a:buFont typeface="Arial" panose="020B0604020202020204" pitchFamily="34" charset="0"/>
        <a:buChar char="•"/>
        <a:defRPr sz="1800" kern="1200">
          <a:solidFill>
            <a:schemeClr val="tx1"/>
          </a:solidFill>
          <a:latin typeface="+mn-lt"/>
          <a:ea typeface="+mn-ea"/>
          <a:cs typeface="+mn-cs"/>
        </a:defRPr>
      </a:lvl9pPr>
    </p:bodyStyle>
    <p:otherStyle>
      <a:defPPr>
        <a:defRPr lang="en-US"/>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1.xml"/><Relationship Id="rId4" Type="http://schemas.openxmlformats.org/officeDocument/2006/relationships/image" Target="../media/image5.png"/></Relationships>
</file>

<file path=ppt/slides/_rels/slide10.xml.rels><?xml version="1.0" encoding="UTF-8" standalone="yes"?>
<Relationships xmlns="http://schemas.openxmlformats.org/package/2006/relationships"><Relationship Id="rId3" Type="http://schemas.openxmlformats.org/officeDocument/2006/relationships/image" Target="../media/image55.png"/><Relationship Id="rId7" Type="http://schemas.openxmlformats.org/officeDocument/2006/relationships/image" Target="../media/image59.png"/><Relationship Id="rId2" Type="http://schemas.openxmlformats.org/officeDocument/2006/relationships/image" Target="../media/image54.png"/><Relationship Id="rId1" Type="http://schemas.openxmlformats.org/officeDocument/2006/relationships/slideLayout" Target="../slideLayouts/slideLayout1.xml"/><Relationship Id="rId6" Type="http://schemas.openxmlformats.org/officeDocument/2006/relationships/image" Target="../media/image58.png"/><Relationship Id="rId5" Type="http://schemas.openxmlformats.org/officeDocument/2006/relationships/image" Target="../media/image57.png"/><Relationship Id="rId4" Type="http://schemas.openxmlformats.org/officeDocument/2006/relationships/image" Target="../media/image56.png"/></Relationships>
</file>

<file path=ppt/slides/_rels/slide11.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5.png"/><Relationship Id="rId1" Type="http://schemas.openxmlformats.org/officeDocument/2006/relationships/slideLayout" Target="../slideLayouts/slideLayout3.xml"/></Relationships>
</file>

<file path=ppt/slides/_rels/slide12.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1.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2.xml.rels><?xml version="1.0" encoding="UTF-8" standalone="yes"?>
<Relationships xmlns="http://schemas.openxmlformats.org/package/2006/relationships"><Relationship Id="rId8" Type="http://schemas.openxmlformats.org/officeDocument/2006/relationships/image" Target="../media/image12.png"/><Relationship Id="rId13" Type="http://schemas.openxmlformats.org/officeDocument/2006/relationships/image" Target="../media/image17.png"/><Relationship Id="rId18" Type="http://schemas.openxmlformats.org/officeDocument/2006/relationships/image" Target="../media/image22.png"/><Relationship Id="rId3" Type="http://schemas.openxmlformats.org/officeDocument/2006/relationships/image" Target="../media/image7.png"/><Relationship Id="rId21" Type="http://schemas.openxmlformats.org/officeDocument/2006/relationships/image" Target="../media/image25.png"/><Relationship Id="rId7" Type="http://schemas.openxmlformats.org/officeDocument/2006/relationships/image" Target="../media/image11.png"/><Relationship Id="rId12" Type="http://schemas.openxmlformats.org/officeDocument/2006/relationships/image" Target="../media/image16.png"/><Relationship Id="rId17" Type="http://schemas.openxmlformats.org/officeDocument/2006/relationships/image" Target="../media/image21.png"/><Relationship Id="rId2" Type="http://schemas.openxmlformats.org/officeDocument/2006/relationships/image" Target="../media/image6.png"/><Relationship Id="rId16" Type="http://schemas.openxmlformats.org/officeDocument/2006/relationships/image" Target="../media/image20.png"/><Relationship Id="rId20" Type="http://schemas.openxmlformats.org/officeDocument/2006/relationships/image" Target="../media/image24.png"/><Relationship Id="rId1" Type="http://schemas.openxmlformats.org/officeDocument/2006/relationships/slideLayout" Target="../slideLayouts/slideLayout2.xml"/><Relationship Id="rId6" Type="http://schemas.openxmlformats.org/officeDocument/2006/relationships/image" Target="../media/image10.png"/><Relationship Id="rId11" Type="http://schemas.openxmlformats.org/officeDocument/2006/relationships/image" Target="../media/image15.png"/><Relationship Id="rId5" Type="http://schemas.openxmlformats.org/officeDocument/2006/relationships/image" Target="../media/image9.png"/><Relationship Id="rId15" Type="http://schemas.openxmlformats.org/officeDocument/2006/relationships/image" Target="../media/image19.png"/><Relationship Id="rId23" Type="http://schemas.openxmlformats.org/officeDocument/2006/relationships/image" Target="../media/image27.png"/><Relationship Id="rId10" Type="http://schemas.openxmlformats.org/officeDocument/2006/relationships/image" Target="../media/image14.png"/><Relationship Id="rId19" Type="http://schemas.openxmlformats.org/officeDocument/2006/relationships/image" Target="../media/image23.png"/><Relationship Id="rId4" Type="http://schemas.openxmlformats.org/officeDocument/2006/relationships/image" Target="../media/image8.png"/><Relationship Id="rId9" Type="http://schemas.openxmlformats.org/officeDocument/2006/relationships/image" Target="../media/image13.png"/><Relationship Id="rId14" Type="http://schemas.openxmlformats.org/officeDocument/2006/relationships/image" Target="../media/image18.png"/><Relationship Id="rId22" Type="http://schemas.openxmlformats.org/officeDocument/2006/relationships/image" Target="../media/image26.png"/></Relationships>
</file>

<file path=ppt/slides/_rels/slide3.xml.rels><?xml version="1.0" encoding="UTF-8" standalone="yes"?>
<Relationships xmlns="http://schemas.openxmlformats.org/package/2006/relationships"><Relationship Id="rId8" Type="http://schemas.openxmlformats.org/officeDocument/2006/relationships/image" Target="../media/image34.png"/><Relationship Id="rId3" Type="http://schemas.openxmlformats.org/officeDocument/2006/relationships/image" Target="../media/image29.png"/><Relationship Id="rId7" Type="http://schemas.openxmlformats.org/officeDocument/2006/relationships/image" Target="../media/image33.png"/><Relationship Id="rId2" Type="http://schemas.openxmlformats.org/officeDocument/2006/relationships/image" Target="../media/image28.png"/><Relationship Id="rId1" Type="http://schemas.openxmlformats.org/officeDocument/2006/relationships/slideLayout" Target="../slideLayouts/slideLayout2.xml"/><Relationship Id="rId6" Type="http://schemas.openxmlformats.org/officeDocument/2006/relationships/image" Target="../media/image32.png"/><Relationship Id="rId5" Type="http://schemas.openxmlformats.org/officeDocument/2006/relationships/image" Target="../media/image31.png"/><Relationship Id="rId4" Type="http://schemas.openxmlformats.org/officeDocument/2006/relationships/image" Target="../media/image30.png"/><Relationship Id="rId9" Type="http://schemas.openxmlformats.org/officeDocument/2006/relationships/image" Target="../media/image35.png"/></Relationships>
</file>

<file path=ppt/slides/_rels/slide4.xml.rels><?xml version="1.0" encoding="UTF-8" standalone="yes"?>
<Relationships xmlns="http://schemas.openxmlformats.org/package/2006/relationships"><Relationship Id="rId2" Type="http://schemas.openxmlformats.org/officeDocument/2006/relationships/image" Target="../media/image36.jpeg"/><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3" Type="http://schemas.openxmlformats.org/officeDocument/2006/relationships/image" Target="../media/image38.png"/><Relationship Id="rId2" Type="http://schemas.openxmlformats.org/officeDocument/2006/relationships/image" Target="../media/image37.png"/><Relationship Id="rId1" Type="http://schemas.openxmlformats.org/officeDocument/2006/relationships/slideLayout" Target="../slideLayouts/slideLayout2.xml"/><Relationship Id="rId6" Type="http://schemas.openxmlformats.org/officeDocument/2006/relationships/image" Target="../media/image41.png"/><Relationship Id="rId5" Type="http://schemas.openxmlformats.org/officeDocument/2006/relationships/image" Target="../media/image40.png"/><Relationship Id="rId4" Type="http://schemas.openxmlformats.org/officeDocument/2006/relationships/image" Target="../media/image39.png"/></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4.xml"/></Relationships>
</file>

<file path=ppt/slides/_rels/slide7.xml.rels><?xml version="1.0" encoding="UTF-8" standalone="yes"?>
<Relationships xmlns="http://schemas.openxmlformats.org/package/2006/relationships"><Relationship Id="rId2" Type="http://schemas.openxmlformats.org/officeDocument/2006/relationships/image" Target="../media/image42.jpeg"/><Relationship Id="rId1" Type="http://schemas.openxmlformats.org/officeDocument/2006/relationships/slideLayout" Target="../slideLayouts/slideLayout4.xml"/></Relationships>
</file>

<file path=ppt/slides/_rels/slide8.xml.rels><?xml version="1.0" encoding="UTF-8" standalone="yes"?>
<Relationships xmlns="http://schemas.openxmlformats.org/package/2006/relationships"><Relationship Id="rId3" Type="http://schemas.openxmlformats.org/officeDocument/2006/relationships/image" Target="../media/image44.png"/><Relationship Id="rId7" Type="http://schemas.openxmlformats.org/officeDocument/2006/relationships/image" Target="../media/image48.png"/><Relationship Id="rId2" Type="http://schemas.openxmlformats.org/officeDocument/2006/relationships/image" Target="../media/image43.png"/><Relationship Id="rId1" Type="http://schemas.openxmlformats.org/officeDocument/2006/relationships/slideLayout" Target="../slideLayouts/slideLayout1.xml"/><Relationship Id="rId6" Type="http://schemas.openxmlformats.org/officeDocument/2006/relationships/image" Target="../media/image47.png"/><Relationship Id="rId5" Type="http://schemas.openxmlformats.org/officeDocument/2006/relationships/image" Target="../media/image46.png"/><Relationship Id="rId4" Type="http://schemas.openxmlformats.org/officeDocument/2006/relationships/image" Target="../media/image45.png"/></Relationships>
</file>

<file path=ppt/slides/_rels/slide9.xml.rels><?xml version="1.0" encoding="UTF-8" standalone="yes"?>
<Relationships xmlns="http://schemas.openxmlformats.org/package/2006/relationships"><Relationship Id="rId3" Type="http://schemas.openxmlformats.org/officeDocument/2006/relationships/image" Target="../media/image50.png"/><Relationship Id="rId2" Type="http://schemas.openxmlformats.org/officeDocument/2006/relationships/image" Target="../media/image49.png"/><Relationship Id="rId1" Type="http://schemas.openxmlformats.org/officeDocument/2006/relationships/slideLayout" Target="../slideLayouts/slideLayout1.xml"/><Relationship Id="rId6" Type="http://schemas.openxmlformats.org/officeDocument/2006/relationships/image" Target="../media/image53.png"/><Relationship Id="rId5" Type="http://schemas.openxmlformats.org/officeDocument/2006/relationships/image" Target="../media/image52.png"/><Relationship Id="rId4" Type="http://schemas.openxmlformats.org/officeDocument/2006/relationships/image" Target="../media/image51.png"/></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כותרת 1"/>
          <p:cNvSpPr txBox="1">
            <a:spLocks/>
          </p:cNvSpPr>
          <p:nvPr/>
        </p:nvSpPr>
        <p:spPr>
          <a:xfrm>
            <a:off x="1148442" y="890332"/>
            <a:ext cx="6858000" cy="548878"/>
          </a:xfrm>
          <a:prstGeom prst="rect">
            <a:avLst/>
          </a:prstGeom>
        </p:spPr>
        <p:txBody>
          <a:bodyPr vert="horz" lIns="68580" tIns="34290" rIns="68580" bIns="34290" rtlCol="1" anchor="ctr">
            <a:noAutofit/>
          </a:bodyPr>
          <a:lstStyle>
            <a:lvl1pPr algn="r"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rtl="0"/>
            <a:r>
              <a:rPr lang="en-US" sz="3200" b="1" dirty="0" smtClean="0">
                <a:latin typeface="+mn-lt"/>
              </a:rPr>
              <a:t>Introduction to the IDF and the </a:t>
            </a:r>
            <a:r>
              <a:rPr lang="en-US" sz="3200" b="1" dirty="0">
                <a:latin typeface="+mn-lt"/>
              </a:rPr>
              <a:t>IDF Military Colleges</a:t>
            </a:r>
          </a:p>
        </p:txBody>
      </p:sp>
      <p:grpSp>
        <p:nvGrpSpPr>
          <p:cNvPr id="14" name="קבוצה 13"/>
          <p:cNvGrpSpPr/>
          <p:nvPr/>
        </p:nvGrpSpPr>
        <p:grpSpPr>
          <a:xfrm>
            <a:off x="3111970" y="2079775"/>
            <a:ext cx="2920060" cy="3069048"/>
            <a:chOff x="3859379" y="1459486"/>
            <a:chExt cx="3893413" cy="4092064"/>
          </a:xfrm>
        </p:grpSpPr>
        <p:pic>
          <p:nvPicPr>
            <p:cNvPr id="4" name="תמונה 3"/>
            <p:cNvPicPr/>
            <p:nvPr/>
          </p:nvPicPr>
          <p:blipFill>
            <a:blip r:embed="rId2">
              <a:extLst>
                <a:ext uri="{28A0092B-C50C-407E-A947-70E740481C1C}">
                  <a14:useLocalDpi xmlns:a14="http://schemas.microsoft.com/office/drawing/2010/main" val="0"/>
                </a:ext>
              </a:extLst>
            </a:blip>
            <a:srcRect/>
            <a:stretch>
              <a:fillRect/>
            </a:stretch>
          </p:blipFill>
          <p:spPr bwMode="auto">
            <a:xfrm>
              <a:off x="5127346" y="2540975"/>
              <a:ext cx="1371993" cy="1639140"/>
            </a:xfrm>
            <a:prstGeom prst="rect">
              <a:avLst/>
            </a:prstGeom>
            <a:noFill/>
          </p:spPr>
        </p:pic>
        <p:pic>
          <p:nvPicPr>
            <p:cNvPr id="6" name="תמונה 5"/>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92366" t="5781" r="2118" b="81871"/>
            <a:stretch/>
          </p:blipFill>
          <p:spPr>
            <a:xfrm>
              <a:off x="7136127" y="2066754"/>
              <a:ext cx="616665" cy="932256"/>
            </a:xfrm>
            <a:prstGeom prst="rect">
              <a:avLst/>
            </a:prstGeom>
          </p:spPr>
        </p:pic>
        <p:pic>
          <p:nvPicPr>
            <p:cNvPr id="9" name="תמונה 8"/>
            <p:cNvPicPr>
              <a:picLocks noChangeAspect="1"/>
            </p:cNvPicPr>
            <p:nvPr/>
          </p:nvPicPr>
          <p:blipFill>
            <a:blip r:embed="rId4">
              <a:extLst>
                <a:ext uri="{28A0092B-C50C-407E-A947-70E740481C1C}">
                  <a14:useLocalDpi xmlns:a14="http://schemas.microsoft.com/office/drawing/2010/main" val="0"/>
                </a:ext>
              </a:extLst>
            </a:blip>
            <a:stretch>
              <a:fillRect/>
            </a:stretch>
          </p:blipFill>
          <p:spPr>
            <a:xfrm>
              <a:off x="5448505" y="1459486"/>
              <a:ext cx="685714" cy="932257"/>
            </a:xfrm>
            <a:prstGeom prst="rect">
              <a:avLst/>
            </a:prstGeom>
          </p:spPr>
        </p:pic>
        <p:pic>
          <p:nvPicPr>
            <p:cNvPr id="10" name="תמונה 9"/>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91697" t="52289" r="852" b="34799"/>
            <a:stretch/>
          </p:blipFill>
          <p:spPr>
            <a:xfrm>
              <a:off x="3859379" y="2066754"/>
              <a:ext cx="797375" cy="990600"/>
            </a:xfrm>
            <a:prstGeom prst="rect">
              <a:avLst/>
            </a:prstGeom>
          </p:spPr>
        </p:pic>
        <p:pic>
          <p:nvPicPr>
            <p:cNvPr id="11" name="תמונה 10"/>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53647" t="51350" r="39060" b="33860"/>
            <a:stretch/>
          </p:blipFill>
          <p:spPr>
            <a:xfrm>
              <a:off x="7085135" y="3767365"/>
              <a:ext cx="667657" cy="1037089"/>
            </a:xfrm>
            <a:prstGeom prst="rect">
              <a:avLst/>
            </a:prstGeom>
          </p:spPr>
        </p:pic>
        <p:pic>
          <p:nvPicPr>
            <p:cNvPr id="12" name="תמונה 11"/>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92965" t="26700" r="1168" b="57806"/>
            <a:stretch/>
          </p:blipFill>
          <p:spPr>
            <a:xfrm>
              <a:off x="5426526" y="4329347"/>
              <a:ext cx="729673" cy="1222203"/>
            </a:xfrm>
            <a:prstGeom prst="rect">
              <a:avLst/>
            </a:prstGeom>
          </p:spPr>
        </p:pic>
        <p:pic>
          <p:nvPicPr>
            <p:cNvPr id="13" name="תמונה 12"/>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53805" t="27170" r="38743" b="58979"/>
            <a:stretch/>
          </p:blipFill>
          <p:spPr>
            <a:xfrm>
              <a:off x="3859379" y="3802401"/>
              <a:ext cx="682171" cy="1002053"/>
            </a:xfrm>
            <a:prstGeom prst="rect">
              <a:avLst/>
            </a:prstGeom>
          </p:spPr>
        </p:pic>
      </p:grpSp>
      <p:sp>
        <p:nvSpPr>
          <p:cNvPr id="15" name="כותרת 1"/>
          <p:cNvSpPr txBox="1">
            <a:spLocks/>
          </p:cNvSpPr>
          <p:nvPr/>
        </p:nvSpPr>
        <p:spPr>
          <a:xfrm>
            <a:off x="1031420" y="5747621"/>
            <a:ext cx="6858000" cy="548878"/>
          </a:xfrm>
          <a:prstGeom prst="rect">
            <a:avLst/>
          </a:prstGeom>
        </p:spPr>
        <p:txBody>
          <a:bodyPr vert="horz" lIns="68580" tIns="34290" rIns="68580" bIns="34290" rtlCol="1" anchor="ctr">
            <a:noAutofit/>
          </a:bodyPr>
          <a:lstStyle>
            <a:lvl1pPr algn="r"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rtl="0"/>
            <a:r>
              <a:rPr lang="en-US" sz="3200" b="1" dirty="0" smtClean="0">
                <a:latin typeface="+mn-lt"/>
              </a:rPr>
              <a:t>MAJ </a:t>
            </a:r>
            <a:r>
              <a:rPr lang="en-US" sz="3200" b="1" dirty="0" err="1" smtClean="0">
                <a:latin typeface="+mn-lt"/>
              </a:rPr>
              <a:t>Ido</a:t>
            </a:r>
            <a:r>
              <a:rPr lang="en-US" sz="3200" b="1" dirty="0" smtClean="0">
                <a:latin typeface="+mn-lt"/>
              </a:rPr>
              <a:t> </a:t>
            </a:r>
            <a:r>
              <a:rPr lang="en-US" sz="3200" b="1" dirty="0" err="1" smtClean="0">
                <a:latin typeface="+mn-lt"/>
              </a:rPr>
              <a:t>Soceanu</a:t>
            </a:r>
            <a:r>
              <a:rPr lang="en-US" sz="3200" b="1" dirty="0" smtClean="0">
                <a:latin typeface="+mn-lt"/>
              </a:rPr>
              <a:t>, Summer Course 2018</a:t>
            </a:r>
            <a:endParaRPr lang="en-US" sz="3200" b="1" dirty="0">
              <a:latin typeface="+mn-lt"/>
            </a:endParaRPr>
          </a:p>
        </p:txBody>
      </p:sp>
    </p:spTree>
    <p:extLst>
      <p:ext uri="{BB962C8B-B14F-4D97-AF65-F5344CB8AC3E}">
        <p14:creationId xmlns:p14="http://schemas.microsoft.com/office/powerpoint/2010/main" val="3162060146"/>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24" name="קבוצה 23"/>
          <p:cNvGrpSpPr/>
          <p:nvPr/>
        </p:nvGrpSpPr>
        <p:grpSpPr>
          <a:xfrm>
            <a:off x="3289338" y="1602481"/>
            <a:ext cx="2578661" cy="4448169"/>
            <a:chOff x="3298303" y="1772816"/>
            <a:chExt cx="2578661" cy="4448169"/>
          </a:xfrm>
        </p:grpSpPr>
        <p:pic>
          <p:nvPicPr>
            <p:cNvPr id="5" name="Picture 6"/>
            <p:cNvPicPr>
              <a:picLocks noChangeAspect="1" noChangeArrowheads="1"/>
            </p:cNvPicPr>
            <p:nvPr/>
          </p:nvPicPr>
          <p:blipFill>
            <a:blip r:embed="rId2" cstate="email">
              <a:lum bright="-27000" contrast="32000"/>
            </a:blip>
            <a:srcRect/>
            <a:stretch>
              <a:fillRect/>
            </a:stretch>
          </p:blipFill>
          <p:spPr bwMode="auto">
            <a:xfrm>
              <a:off x="3298303" y="1772816"/>
              <a:ext cx="2569820" cy="4443747"/>
            </a:xfrm>
            <a:prstGeom prst="rect">
              <a:avLst/>
            </a:prstGeom>
            <a:noFill/>
            <a:ln w="19050">
              <a:solidFill>
                <a:schemeClr val="tx1"/>
              </a:solidFill>
            </a:ln>
          </p:spPr>
        </p:pic>
        <p:sp>
          <p:nvSpPr>
            <p:cNvPr id="6" name="צורה חופשית 5"/>
            <p:cNvSpPr/>
            <p:nvPr/>
          </p:nvSpPr>
          <p:spPr>
            <a:xfrm>
              <a:off x="4700733" y="4832590"/>
              <a:ext cx="940985" cy="1388395"/>
            </a:xfrm>
            <a:custGeom>
              <a:avLst/>
              <a:gdLst>
                <a:gd name="connsiteX0" fmla="*/ 0 w 1419367"/>
                <a:gd name="connsiteY0" fmla="*/ 641445 h 2142699"/>
                <a:gd name="connsiteX1" fmla="*/ 300251 w 1419367"/>
                <a:gd name="connsiteY1" fmla="*/ 1269242 h 2142699"/>
                <a:gd name="connsiteX2" fmla="*/ 395785 w 1419367"/>
                <a:gd name="connsiteY2" fmla="*/ 1651379 h 2142699"/>
                <a:gd name="connsiteX3" fmla="*/ 477672 w 1419367"/>
                <a:gd name="connsiteY3" fmla="*/ 1801505 h 2142699"/>
                <a:gd name="connsiteX4" fmla="*/ 409433 w 1419367"/>
                <a:gd name="connsiteY4" fmla="*/ 1897039 h 2142699"/>
                <a:gd name="connsiteX5" fmla="*/ 627797 w 1419367"/>
                <a:gd name="connsiteY5" fmla="*/ 2142699 h 2142699"/>
                <a:gd name="connsiteX6" fmla="*/ 805218 w 1419367"/>
                <a:gd name="connsiteY6" fmla="*/ 1978926 h 2142699"/>
                <a:gd name="connsiteX7" fmla="*/ 982639 w 1419367"/>
                <a:gd name="connsiteY7" fmla="*/ 1746914 h 2142699"/>
                <a:gd name="connsiteX8" fmla="*/ 1037230 w 1419367"/>
                <a:gd name="connsiteY8" fmla="*/ 1419368 h 2142699"/>
                <a:gd name="connsiteX9" fmla="*/ 1241946 w 1419367"/>
                <a:gd name="connsiteY9" fmla="*/ 1119117 h 2142699"/>
                <a:gd name="connsiteX10" fmla="*/ 1310185 w 1419367"/>
                <a:gd name="connsiteY10" fmla="*/ 818866 h 2142699"/>
                <a:gd name="connsiteX11" fmla="*/ 1419367 w 1419367"/>
                <a:gd name="connsiteY11" fmla="*/ 573206 h 2142699"/>
                <a:gd name="connsiteX12" fmla="*/ 941696 w 1419367"/>
                <a:gd name="connsiteY12" fmla="*/ 0 h 2142699"/>
                <a:gd name="connsiteX13" fmla="*/ 0 w 1419367"/>
                <a:gd name="connsiteY13" fmla="*/ 641445 h 21426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419367" h="2142699">
                  <a:moveTo>
                    <a:pt x="0" y="641445"/>
                  </a:moveTo>
                  <a:lnTo>
                    <a:pt x="300251" y="1269242"/>
                  </a:lnTo>
                  <a:lnTo>
                    <a:pt x="395785" y="1651379"/>
                  </a:lnTo>
                  <a:lnTo>
                    <a:pt x="477672" y="1801505"/>
                  </a:lnTo>
                  <a:lnTo>
                    <a:pt x="409433" y="1897039"/>
                  </a:lnTo>
                  <a:lnTo>
                    <a:pt x="627797" y="2142699"/>
                  </a:lnTo>
                  <a:lnTo>
                    <a:pt x="805218" y="1978926"/>
                  </a:lnTo>
                  <a:lnTo>
                    <a:pt x="982639" y="1746914"/>
                  </a:lnTo>
                  <a:lnTo>
                    <a:pt x="1037230" y="1419368"/>
                  </a:lnTo>
                  <a:lnTo>
                    <a:pt x="1241946" y="1119117"/>
                  </a:lnTo>
                  <a:lnTo>
                    <a:pt x="1310185" y="818866"/>
                  </a:lnTo>
                  <a:lnTo>
                    <a:pt x="1419367" y="573206"/>
                  </a:lnTo>
                  <a:lnTo>
                    <a:pt x="941696" y="0"/>
                  </a:lnTo>
                  <a:lnTo>
                    <a:pt x="0" y="641445"/>
                  </a:lnTo>
                  <a:close/>
                </a:path>
              </a:pathLst>
            </a:custGeom>
            <a:solidFill>
              <a:srgbClr val="FFC000">
                <a:alpha val="4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7" name="צורה חופשית 6"/>
            <p:cNvSpPr/>
            <p:nvPr/>
          </p:nvSpPr>
          <p:spPr>
            <a:xfrm>
              <a:off x="3949754" y="3426509"/>
              <a:ext cx="1384333" cy="1821715"/>
            </a:xfrm>
            <a:custGeom>
              <a:avLst/>
              <a:gdLst>
                <a:gd name="connsiteX0" fmla="*/ 0 w 2088107"/>
                <a:gd name="connsiteY0" fmla="*/ 491320 h 2811439"/>
                <a:gd name="connsiteX1" fmla="*/ 163773 w 2088107"/>
                <a:gd name="connsiteY1" fmla="*/ 736979 h 2811439"/>
                <a:gd name="connsiteX2" fmla="*/ 191068 w 2088107"/>
                <a:gd name="connsiteY2" fmla="*/ 900753 h 2811439"/>
                <a:gd name="connsiteX3" fmla="*/ 191068 w 2088107"/>
                <a:gd name="connsiteY3" fmla="*/ 1187356 h 2811439"/>
                <a:gd name="connsiteX4" fmla="*/ 300251 w 2088107"/>
                <a:gd name="connsiteY4" fmla="*/ 1282890 h 2811439"/>
                <a:gd name="connsiteX5" fmla="*/ 300251 w 2088107"/>
                <a:gd name="connsiteY5" fmla="*/ 1569493 h 2811439"/>
                <a:gd name="connsiteX6" fmla="*/ 641445 w 2088107"/>
                <a:gd name="connsiteY6" fmla="*/ 1719618 h 2811439"/>
                <a:gd name="connsiteX7" fmla="*/ 941695 w 2088107"/>
                <a:gd name="connsiteY7" fmla="*/ 2429302 h 2811439"/>
                <a:gd name="connsiteX8" fmla="*/ 1132764 w 2088107"/>
                <a:gd name="connsiteY8" fmla="*/ 2811439 h 2811439"/>
                <a:gd name="connsiteX9" fmla="*/ 2088107 w 2088107"/>
                <a:gd name="connsiteY9" fmla="*/ 2197290 h 2811439"/>
                <a:gd name="connsiteX10" fmla="*/ 1856095 w 2088107"/>
                <a:gd name="connsiteY10" fmla="*/ 1528550 h 2811439"/>
                <a:gd name="connsiteX11" fmla="*/ 1787857 w 2088107"/>
                <a:gd name="connsiteY11" fmla="*/ 1173708 h 2811439"/>
                <a:gd name="connsiteX12" fmla="*/ 1569492 w 2088107"/>
                <a:gd name="connsiteY12" fmla="*/ 887105 h 2811439"/>
                <a:gd name="connsiteX13" fmla="*/ 941695 w 2088107"/>
                <a:gd name="connsiteY13" fmla="*/ 0 h 2811439"/>
                <a:gd name="connsiteX14" fmla="*/ 0 w 2088107"/>
                <a:gd name="connsiteY14" fmla="*/ 491320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2088107" h="2811439">
                  <a:moveTo>
                    <a:pt x="0" y="491320"/>
                  </a:moveTo>
                  <a:lnTo>
                    <a:pt x="163773" y="736979"/>
                  </a:lnTo>
                  <a:lnTo>
                    <a:pt x="191068" y="900753"/>
                  </a:lnTo>
                  <a:lnTo>
                    <a:pt x="191068" y="1187356"/>
                  </a:lnTo>
                  <a:lnTo>
                    <a:pt x="300251" y="1282890"/>
                  </a:lnTo>
                  <a:lnTo>
                    <a:pt x="300251" y="1569493"/>
                  </a:lnTo>
                  <a:lnTo>
                    <a:pt x="641445" y="1719618"/>
                  </a:lnTo>
                  <a:lnTo>
                    <a:pt x="941695" y="2429302"/>
                  </a:lnTo>
                  <a:lnTo>
                    <a:pt x="1132764" y="2811439"/>
                  </a:lnTo>
                  <a:lnTo>
                    <a:pt x="2088107" y="2197290"/>
                  </a:lnTo>
                  <a:lnTo>
                    <a:pt x="1856095" y="1528550"/>
                  </a:lnTo>
                  <a:lnTo>
                    <a:pt x="1787857" y="1173708"/>
                  </a:lnTo>
                  <a:lnTo>
                    <a:pt x="1569492" y="887105"/>
                  </a:lnTo>
                  <a:lnTo>
                    <a:pt x="941695" y="0"/>
                  </a:lnTo>
                  <a:lnTo>
                    <a:pt x="0" y="491320"/>
                  </a:lnTo>
                  <a:close/>
                </a:path>
              </a:pathLst>
            </a:custGeom>
            <a:solidFill>
              <a:srgbClr val="FFC000">
                <a:alpha val="4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8" name="צורה חופשית 7"/>
            <p:cNvSpPr/>
            <p:nvPr/>
          </p:nvSpPr>
          <p:spPr>
            <a:xfrm>
              <a:off x="3877371" y="1931995"/>
              <a:ext cx="868602" cy="672089"/>
            </a:xfrm>
            <a:custGeom>
              <a:avLst/>
              <a:gdLst>
                <a:gd name="connsiteX0" fmla="*/ 0 w 1310185"/>
                <a:gd name="connsiteY0" fmla="*/ 709683 h 1037230"/>
                <a:gd name="connsiteX1" fmla="*/ 327546 w 1310185"/>
                <a:gd name="connsiteY1" fmla="*/ 545910 h 1037230"/>
                <a:gd name="connsiteX2" fmla="*/ 559558 w 1310185"/>
                <a:gd name="connsiteY2" fmla="*/ 464024 h 1037230"/>
                <a:gd name="connsiteX3" fmla="*/ 586853 w 1310185"/>
                <a:gd name="connsiteY3" fmla="*/ 368489 h 1037230"/>
                <a:gd name="connsiteX4" fmla="*/ 286603 w 1310185"/>
                <a:gd name="connsiteY4" fmla="*/ 204716 h 1037230"/>
                <a:gd name="connsiteX5" fmla="*/ 491319 w 1310185"/>
                <a:gd name="connsiteY5" fmla="*/ 0 h 1037230"/>
                <a:gd name="connsiteX6" fmla="*/ 900752 w 1310185"/>
                <a:gd name="connsiteY6" fmla="*/ 191068 h 1037230"/>
                <a:gd name="connsiteX7" fmla="*/ 1310185 w 1310185"/>
                <a:gd name="connsiteY7" fmla="*/ 423080 h 1037230"/>
                <a:gd name="connsiteX8" fmla="*/ 518615 w 1310185"/>
                <a:gd name="connsiteY8" fmla="*/ 1037230 h 1037230"/>
                <a:gd name="connsiteX9" fmla="*/ 0 w 1310185"/>
                <a:gd name="connsiteY9" fmla="*/ 709683 h 10372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310185" h="1037230">
                  <a:moveTo>
                    <a:pt x="0" y="709683"/>
                  </a:moveTo>
                  <a:lnTo>
                    <a:pt x="327546" y="545910"/>
                  </a:lnTo>
                  <a:lnTo>
                    <a:pt x="559558" y="464024"/>
                  </a:lnTo>
                  <a:lnTo>
                    <a:pt x="586853" y="368489"/>
                  </a:lnTo>
                  <a:lnTo>
                    <a:pt x="286603" y="204716"/>
                  </a:lnTo>
                  <a:lnTo>
                    <a:pt x="491319" y="0"/>
                  </a:lnTo>
                  <a:lnTo>
                    <a:pt x="900752" y="191068"/>
                  </a:lnTo>
                  <a:lnTo>
                    <a:pt x="1310185" y="423080"/>
                  </a:lnTo>
                  <a:lnTo>
                    <a:pt x="518615" y="1037230"/>
                  </a:lnTo>
                  <a:lnTo>
                    <a:pt x="0" y="709683"/>
                  </a:lnTo>
                  <a:close/>
                </a:path>
              </a:pathLst>
            </a:custGeom>
            <a:solidFill>
              <a:schemeClr val="tx2">
                <a:lumMod val="60000"/>
                <a:lumOff val="4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9" name="צורה חופשית 8"/>
            <p:cNvSpPr/>
            <p:nvPr/>
          </p:nvSpPr>
          <p:spPr>
            <a:xfrm>
              <a:off x="3488310" y="2400689"/>
              <a:ext cx="1076704" cy="1335335"/>
            </a:xfrm>
            <a:custGeom>
              <a:avLst/>
              <a:gdLst>
                <a:gd name="connsiteX0" fmla="*/ 682388 w 1624084"/>
                <a:gd name="connsiteY0" fmla="*/ 2060812 h 2060812"/>
                <a:gd name="connsiteX1" fmla="*/ 450376 w 1624084"/>
                <a:gd name="connsiteY1" fmla="*/ 1624084 h 2060812"/>
                <a:gd name="connsiteX2" fmla="*/ 122830 w 1624084"/>
                <a:gd name="connsiteY2" fmla="*/ 968991 h 2060812"/>
                <a:gd name="connsiteX3" fmla="*/ 0 w 1624084"/>
                <a:gd name="connsiteY3" fmla="*/ 682388 h 2060812"/>
                <a:gd name="connsiteX4" fmla="*/ 177421 w 1624084"/>
                <a:gd name="connsiteY4" fmla="*/ 504967 h 2060812"/>
                <a:gd name="connsiteX5" fmla="*/ 409433 w 1624084"/>
                <a:gd name="connsiteY5" fmla="*/ 409433 h 2060812"/>
                <a:gd name="connsiteX6" fmla="*/ 382137 w 1624084"/>
                <a:gd name="connsiteY6" fmla="*/ 218364 h 2060812"/>
                <a:gd name="connsiteX7" fmla="*/ 586854 w 1624084"/>
                <a:gd name="connsiteY7" fmla="*/ 0 h 2060812"/>
                <a:gd name="connsiteX8" fmla="*/ 709684 w 1624084"/>
                <a:gd name="connsiteY8" fmla="*/ 81887 h 2060812"/>
                <a:gd name="connsiteX9" fmla="*/ 1105469 w 1624084"/>
                <a:gd name="connsiteY9" fmla="*/ 368490 h 2060812"/>
                <a:gd name="connsiteX10" fmla="*/ 1105469 w 1624084"/>
                <a:gd name="connsiteY10" fmla="*/ 750627 h 2060812"/>
                <a:gd name="connsiteX11" fmla="*/ 1624084 w 1624084"/>
                <a:gd name="connsiteY11" fmla="*/ 1569493 h 2060812"/>
                <a:gd name="connsiteX12" fmla="*/ 682388 w 1624084"/>
                <a:gd name="connsiteY12" fmla="*/ 2060812 h 20608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624084" h="2060812">
                  <a:moveTo>
                    <a:pt x="682388" y="2060812"/>
                  </a:moveTo>
                  <a:lnTo>
                    <a:pt x="450376" y="1624084"/>
                  </a:lnTo>
                  <a:lnTo>
                    <a:pt x="122830" y="968991"/>
                  </a:lnTo>
                  <a:lnTo>
                    <a:pt x="0" y="682388"/>
                  </a:lnTo>
                  <a:lnTo>
                    <a:pt x="177421" y="504967"/>
                  </a:lnTo>
                  <a:lnTo>
                    <a:pt x="409433" y="409433"/>
                  </a:lnTo>
                  <a:lnTo>
                    <a:pt x="382137" y="218364"/>
                  </a:lnTo>
                  <a:lnTo>
                    <a:pt x="586854" y="0"/>
                  </a:lnTo>
                  <a:lnTo>
                    <a:pt x="709684" y="81887"/>
                  </a:lnTo>
                  <a:lnTo>
                    <a:pt x="1105469" y="368490"/>
                  </a:lnTo>
                  <a:lnTo>
                    <a:pt x="1105469" y="750627"/>
                  </a:lnTo>
                  <a:lnTo>
                    <a:pt x="1624084" y="1569493"/>
                  </a:lnTo>
                  <a:lnTo>
                    <a:pt x="682388" y="2060812"/>
                  </a:lnTo>
                  <a:close/>
                </a:path>
              </a:pathLst>
            </a:custGeom>
            <a:solidFill>
              <a:schemeClr val="tx2">
                <a:lumMod val="60000"/>
                <a:lumOff val="40000"/>
                <a:alpha val="40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10" name="צורה חופשית 9"/>
            <p:cNvSpPr/>
            <p:nvPr/>
          </p:nvSpPr>
          <p:spPr>
            <a:xfrm>
              <a:off x="5306944" y="2878226"/>
              <a:ext cx="570020" cy="2325782"/>
            </a:xfrm>
            <a:custGeom>
              <a:avLst/>
              <a:gdLst>
                <a:gd name="connsiteX0" fmla="*/ 0 w 859809"/>
                <a:gd name="connsiteY0" fmla="*/ 3016155 h 3589361"/>
                <a:gd name="connsiteX1" fmla="*/ 81887 w 859809"/>
                <a:gd name="connsiteY1" fmla="*/ 2074460 h 3589361"/>
                <a:gd name="connsiteX2" fmla="*/ 368490 w 859809"/>
                <a:gd name="connsiteY2" fmla="*/ 1337481 h 3589361"/>
                <a:gd name="connsiteX3" fmla="*/ 532263 w 859809"/>
                <a:gd name="connsiteY3" fmla="*/ 614149 h 3589361"/>
                <a:gd name="connsiteX4" fmla="*/ 627797 w 859809"/>
                <a:gd name="connsiteY4" fmla="*/ 341194 h 3589361"/>
                <a:gd name="connsiteX5" fmla="*/ 859809 w 859809"/>
                <a:gd name="connsiteY5" fmla="*/ 0 h 3589361"/>
                <a:gd name="connsiteX6" fmla="*/ 859809 w 859809"/>
                <a:gd name="connsiteY6" fmla="*/ 2210937 h 3589361"/>
                <a:gd name="connsiteX7" fmla="*/ 777922 w 859809"/>
                <a:gd name="connsiteY7" fmla="*/ 2634018 h 3589361"/>
                <a:gd name="connsiteX8" fmla="*/ 668740 w 859809"/>
                <a:gd name="connsiteY8" fmla="*/ 3343702 h 3589361"/>
                <a:gd name="connsiteX9" fmla="*/ 504967 w 859809"/>
                <a:gd name="connsiteY9" fmla="*/ 3589361 h 3589361"/>
                <a:gd name="connsiteX10" fmla="*/ 0 w 859809"/>
                <a:gd name="connsiteY10" fmla="*/ 3016155 h 3589361"/>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859809" h="3589361">
                  <a:moveTo>
                    <a:pt x="0" y="3016155"/>
                  </a:moveTo>
                  <a:lnTo>
                    <a:pt x="81887" y="2074460"/>
                  </a:lnTo>
                  <a:lnTo>
                    <a:pt x="368490" y="1337481"/>
                  </a:lnTo>
                  <a:lnTo>
                    <a:pt x="532263" y="614149"/>
                  </a:lnTo>
                  <a:lnTo>
                    <a:pt x="627797" y="341194"/>
                  </a:lnTo>
                  <a:lnTo>
                    <a:pt x="859809" y="0"/>
                  </a:lnTo>
                  <a:lnTo>
                    <a:pt x="859809" y="2210937"/>
                  </a:lnTo>
                  <a:lnTo>
                    <a:pt x="777922" y="2634018"/>
                  </a:lnTo>
                  <a:lnTo>
                    <a:pt x="668740" y="3343702"/>
                  </a:lnTo>
                  <a:lnTo>
                    <a:pt x="504967" y="3589361"/>
                  </a:lnTo>
                  <a:lnTo>
                    <a:pt x="0" y="3016155"/>
                  </a:lnTo>
                  <a:close/>
                </a:path>
              </a:pathLst>
            </a:custGeom>
            <a:solidFill>
              <a:srgbClr val="FFC000">
                <a:alpha val="4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12" name="TextBox 11"/>
            <p:cNvSpPr txBox="1"/>
            <p:nvPr/>
          </p:nvSpPr>
          <p:spPr>
            <a:xfrm>
              <a:off x="3592270" y="2785978"/>
              <a:ext cx="1036079" cy="646331"/>
            </a:xfrm>
            <a:prstGeom prst="rect">
              <a:avLst/>
            </a:prstGeom>
            <a:noFill/>
          </p:spPr>
          <p:txBody>
            <a:bodyPr wrap="square" rtlCol="1" anchor="ctr">
              <a:spAutoFit/>
            </a:bodyPr>
            <a:lstStyle/>
            <a:p>
              <a:pPr algn="ctr" rtl="0"/>
              <a:r>
                <a:rPr lang="en-US" b="1" dirty="0" smtClean="0">
                  <a:solidFill>
                    <a:prstClr val="white"/>
                  </a:solidFill>
                  <a:effectLst>
                    <a:glow rad="228600">
                      <a:srgbClr val="009DD9">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143 Division</a:t>
              </a:r>
              <a:endParaRPr lang="he-IL" b="1" dirty="0">
                <a:solidFill>
                  <a:prstClr val="white"/>
                </a:solidFill>
                <a:effectLst>
                  <a:glow rad="228600">
                    <a:srgbClr val="009DD9">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14" name="TextBox 13"/>
            <p:cNvSpPr txBox="1"/>
            <p:nvPr/>
          </p:nvSpPr>
          <p:spPr>
            <a:xfrm>
              <a:off x="4485439" y="4582321"/>
              <a:ext cx="1184015" cy="646331"/>
            </a:xfrm>
            <a:prstGeom prst="rect">
              <a:avLst/>
            </a:prstGeom>
            <a:noFill/>
          </p:spPr>
          <p:txBody>
            <a:bodyPr wrap="square" rtlCol="1">
              <a:spAutoFit/>
            </a:bodyPr>
            <a:lstStyle/>
            <a:p>
              <a:pPr algn="ctr" rtl="0"/>
              <a:r>
                <a:rPr lang="en-US" b="1" dirty="0" smtClean="0">
                  <a:solidFill>
                    <a:prstClr val="white"/>
                  </a:solidFill>
                  <a:effectLst>
                    <a:glow rad="228600">
                      <a:srgbClr val="F67B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80 Division</a:t>
              </a:r>
              <a:endParaRPr lang="he-IL" b="1" dirty="0">
                <a:solidFill>
                  <a:prstClr val="white"/>
                </a:solidFill>
                <a:effectLst>
                  <a:glow rad="228600">
                    <a:srgbClr val="F67B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19" name="TextBox 18"/>
          <p:cNvSpPr txBox="1"/>
          <p:nvPr/>
        </p:nvSpPr>
        <p:spPr>
          <a:xfrm>
            <a:off x="3289338" y="1008857"/>
            <a:ext cx="2569819" cy="584775"/>
          </a:xfrm>
          <a:prstGeom prst="rect">
            <a:avLst/>
          </a:prstGeom>
          <a:noFill/>
        </p:spPr>
        <p:txBody>
          <a:bodyPr wrap="square" rtlCol="1">
            <a:spAutoFit/>
          </a:bodyPr>
          <a:lstStyle/>
          <a:p>
            <a:pPr algn="ctr" rtl="0"/>
            <a:r>
              <a:rPr lang="en-US" sz="1600" b="1" dirty="0">
                <a:solidFill>
                  <a:srgbClr val="0070C0"/>
                </a:solidFill>
                <a:cs typeface="Guttman Hatzvi" panose="02010401010101010101" pitchFamily="2" charset="-79"/>
              </a:rPr>
              <a:t>Commander:</a:t>
            </a:r>
            <a:r>
              <a:rPr lang="he-IL" sz="1600" b="1" dirty="0">
                <a:solidFill>
                  <a:srgbClr val="0070C0"/>
                </a:solidFill>
                <a:cs typeface="Guttman Hatzvi" panose="02010401010101010101" pitchFamily="2" charset="-79"/>
              </a:rPr>
              <a:t> </a:t>
            </a:r>
          </a:p>
          <a:p>
            <a:pPr algn="ctr" rtl="0"/>
            <a:r>
              <a:rPr lang="en-US" sz="1600" dirty="0">
                <a:solidFill>
                  <a:srgbClr val="0070C0"/>
                </a:solidFill>
                <a:cs typeface="Guttman Hatzvi" panose="02010401010101010101" pitchFamily="2" charset="-79"/>
              </a:rPr>
              <a:t>MG </a:t>
            </a:r>
            <a:r>
              <a:rPr lang="en-US" sz="1600" dirty="0" err="1" smtClean="0">
                <a:solidFill>
                  <a:srgbClr val="0070C0"/>
                </a:solidFill>
                <a:cs typeface="Guttman Hatzvi" panose="02010401010101010101" pitchFamily="2" charset="-79"/>
              </a:rPr>
              <a:t>Eyal</a:t>
            </a:r>
            <a:r>
              <a:rPr lang="en-US" sz="1600" dirty="0" smtClean="0">
                <a:solidFill>
                  <a:srgbClr val="0070C0"/>
                </a:solidFill>
                <a:cs typeface="Guttman Hatzvi" panose="02010401010101010101" pitchFamily="2" charset="-79"/>
              </a:rPr>
              <a:t> </a:t>
            </a:r>
            <a:r>
              <a:rPr lang="en-US" sz="1600" dirty="0" err="1" smtClean="0">
                <a:solidFill>
                  <a:srgbClr val="0070C0"/>
                </a:solidFill>
                <a:cs typeface="Guttman Hatzvi" panose="02010401010101010101" pitchFamily="2" charset="-79"/>
              </a:rPr>
              <a:t>Zamir</a:t>
            </a:r>
            <a:endParaRPr lang="he-IL" sz="1600" dirty="0">
              <a:solidFill>
                <a:srgbClr val="0070C0"/>
              </a:solidFill>
              <a:cs typeface="Guttman Hatzvi" panose="02010401010101010101" pitchFamily="2" charset="-79"/>
            </a:endParaRPr>
          </a:p>
        </p:txBody>
      </p:sp>
      <p:sp>
        <p:nvSpPr>
          <p:cNvPr id="13" name="TextBox 12"/>
          <p:cNvSpPr txBox="1"/>
          <p:nvPr/>
        </p:nvSpPr>
        <p:spPr>
          <a:xfrm>
            <a:off x="175945" y="1548081"/>
            <a:ext cx="2772061" cy="584775"/>
          </a:xfrm>
          <a:prstGeom prst="rect">
            <a:avLst/>
          </a:prstGeom>
          <a:noFill/>
        </p:spPr>
        <p:txBody>
          <a:bodyPr wrap="square" rtlCol="1">
            <a:spAutoFit/>
          </a:bodyPr>
          <a:lstStyle/>
          <a:p>
            <a:pPr algn="ctr" rtl="0"/>
            <a:r>
              <a:rPr lang="en-US" sz="1600" b="1" dirty="0" smtClean="0">
                <a:solidFill>
                  <a:srgbClr val="0070C0"/>
                </a:solidFill>
                <a:cs typeface="Guttman Hatzvi" panose="02010401010101010101" pitchFamily="2" charset="-79"/>
              </a:rPr>
              <a:t>143 Division:</a:t>
            </a:r>
          </a:p>
          <a:p>
            <a:pPr algn="ctr" rtl="0"/>
            <a:r>
              <a:rPr lang="en-US" sz="1600" b="1" dirty="0" smtClean="0">
                <a:solidFill>
                  <a:srgbClr val="0070C0"/>
                </a:solidFill>
                <a:effectLst/>
                <a:cs typeface="Guttman Hatzvi" panose="02010401010101010101" pitchFamily="2" charset="-79"/>
              </a:rPr>
              <a:t>BG Yehuda </a:t>
            </a:r>
            <a:r>
              <a:rPr lang="en-US" sz="1600" b="1" dirty="0" err="1" smtClean="0">
                <a:solidFill>
                  <a:srgbClr val="0070C0"/>
                </a:solidFill>
                <a:effectLst/>
                <a:cs typeface="Guttman Hatzvi" panose="02010401010101010101" pitchFamily="2" charset="-79"/>
              </a:rPr>
              <a:t>Fux</a:t>
            </a:r>
            <a:endParaRPr lang="he-IL" sz="1600" dirty="0" smtClean="0">
              <a:solidFill>
                <a:srgbClr val="0070C0"/>
              </a:solidFill>
              <a:effectLst/>
              <a:cs typeface="Guttman Hatzvi" panose="02010401010101010101" pitchFamily="2" charset="-79"/>
            </a:endParaRPr>
          </a:p>
        </p:txBody>
      </p:sp>
      <p:sp>
        <p:nvSpPr>
          <p:cNvPr id="15" name="TextBox 14"/>
          <p:cNvSpPr txBox="1"/>
          <p:nvPr/>
        </p:nvSpPr>
        <p:spPr>
          <a:xfrm>
            <a:off x="6241201" y="1499719"/>
            <a:ext cx="2634225" cy="584775"/>
          </a:xfrm>
          <a:prstGeom prst="rect">
            <a:avLst/>
          </a:prstGeom>
          <a:noFill/>
        </p:spPr>
        <p:txBody>
          <a:bodyPr wrap="square" rtlCol="1">
            <a:spAutoFit/>
          </a:bodyPr>
          <a:lstStyle/>
          <a:p>
            <a:pPr algn="ctr" rtl="0"/>
            <a:r>
              <a:rPr lang="he-IL" sz="1600" b="1" dirty="0" smtClean="0">
                <a:solidFill>
                  <a:srgbClr val="0070C0"/>
                </a:solidFill>
                <a:effectLst/>
                <a:cs typeface="Guttman Hatzvi" panose="02010401010101010101" pitchFamily="2" charset="-79"/>
              </a:rPr>
              <a:t>80 </a:t>
            </a:r>
            <a:r>
              <a:rPr lang="en-US" sz="1600" b="1" dirty="0" smtClean="0">
                <a:solidFill>
                  <a:srgbClr val="0070C0"/>
                </a:solidFill>
                <a:effectLst/>
                <a:cs typeface="Guttman Hatzvi" panose="02010401010101010101" pitchFamily="2" charset="-79"/>
              </a:rPr>
              <a:t> Division:</a:t>
            </a:r>
            <a:endParaRPr lang="he-IL" sz="1600" b="1" dirty="0" smtClean="0">
              <a:solidFill>
                <a:srgbClr val="0070C0"/>
              </a:solidFill>
              <a:effectLst/>
              <a:cs typeface="Guttman Hatzvi" panose="02010401010101010101" pitchFamily="2" charset="-79"/>
            </a:endParaRPr>
          </a:p>
          <a:p>
            <a:pPr algn="ctr" rtl="0"/>
            <a:r>
              <a:rPr lang="en-US" sz="1600" dirty="0" smtClean="0">
                <a:solidFill>
                  <a:srgbClr val="0070C0"/>
                </a:solidFill>
                <a:effectLst/>
                <a:cs typeface="Guttman Hatzvi" panose="02010401010101010101" pitchFamily="2" charset="-79"/>
              </a:rPr>
              <a:t>BG Guy </a:t>
            </a:r>
            <a:r>
              <a:rPr lang="en-US" sz="1600" dirty="0" err="1" smtClean="0">
                <a:solidFill>
                  <a:srgbClr val="0070C0"/>
                </a:solidFill>
                <a:effectLst/>
                <a:cs typeface="Guttman Hatzvi" panose="02010401010101010101" pitchFamily="2" charset="-79"/>
              </a:rPr>
              <a:t>H</a:t>
            </a:r>
            <a:r>
              <a:rPr lang="en-US" sz="1600" dirty="0" err="1" smtClean="0">
                <a:solidFill>
                  <a:srgbClr val="0070C0"/>
                </a:solidFill>
                <a:cs typeface="Guttman Hatzvi" panose="02010401010101010101" pitchFamily="2" charset="-79"/>
              </a:rPr>
              <a:t>azut</a:t>
            </a:r>
            <a:endParaRPr lang="he-IL" sz="1600" dirty="0" smtClean="0">
              <a:solidFill>
                <a:srgbClr val="0070C0"/>
              </a:solidFill>
              <a:effectLst/>
              <a:cs typeface="Guttman Hatzvi" panose="02010401010101010101" pitchFamily="2" charset="-79"/>
            </a:endParaRPr>
          </a:p>
        </p:txBody>
      </p:sp>
      <p:grpSp>
        <p:nvGrpSpPr>
          <p:cNvPr id="34" name="קבוצה 33"/>
          <p:cNvGrpSpPr/>
          <p:nvPr/>
        </p:nvGrpSpPr>
        <p:grpSpPr>
          <a:xfrm>
            <a:off x="175945" y="2133604"/>
            <a:ext cx="2772061" cy="4448191"/>
            <a:chOff x="175945" y="2133604"/>
            <a:chExt cx="2772061" cy="4448191"/>
          </a:xfrm>
        </p:grpSpPr>
        <p:pic>
          <p:nvPicPr>
            <p:cNvPr id="18" name="Picture 6"/>
            <p:cNvPicPr>
              <a:picLocks noChangeAspect="1" noChangeArrowheads="1"/>
            </p:cNvPicPr>
            <p:nvPr/>
          </p:nvPicPr>
          <p:blipFill>
            <a:blip r:embed="rId3" cstate="email">
              <a:lum bright="-27000" contrast="32000"/>
            </a:blip>
            <a:srcRect/>
            <a:stretch>
              <a:fillRect/>
            </a:stretch>
          </p:blipFill>
          <p:spPr bwMode="auto">
            <a:xfrm>
              <a:off x="175945" y="2133604"/>
              <a:ext cx="2772061" cy="4448191"/>
            </a:xfrm>
            <a:prstGeom prst="rect">
              <a:avLst/>
            </a:prstGeom>
            <a:noFill/>
            <a:ln w="19050">
              <a:solidFill>
                <a:schemeClr val="tx1"/>
              </a:solidFill>
            </a:ln>
          </p:spPr>
        </p:pic>
        <p:sp>
          <p:nvSpPr>
            <p:cNvPr id="20" name="צורה חופשית 19"/>
            <p:cNvSpPr/>
            <p:nvPr/>
          </p:nvSpPr>
          <p:spPr>
            <a:xfrm>
              <a:off x="973963" y="2333340"/>
              <a:ext cx="1374661" cy="1481898"/>
            </a:xfrm>
            <a:custGeom>
              <a:avLst/>
              <a:gdLst>
                <a:gd name="connsiteX0" fmla="*/ 0 w 1310185"/>
                <a:gd name="connsiteY0" fmla="*/ 709683 h 1037230"/>
                <a:gd name="connsiteX1" fmla="*/ 327546 w 1310185"/>
                <a:gd name="connsiteY1" fmla="*/ 545910 h 1037230"/>
                <a:gd name="connsiteX2" fmla="*/ 559558 w 1310185"/>
                <a:gd name="connsiteY2" fmla="*/ 464024 h 1037230"/>
                <a:gd name="connsiteX3" fmla="*/ 586853 w 1310185"/>
                <a:gd name="connsiteY3" fmla="*/ 368489 h 1037230"/>
                <a:gd name="connsiteX4" fmla="*/ 286603 w 1310185"/>
                <a:gd name="connsiteY4" fmla="*/ 204716 h 1037230"/>
                <a:gd name="connsiteX5" fmla="*/ 491319 w 1310185"/>
                <a:gd name="connsiteY5" fmla="*/ 0 h 1037230"/>
                <a:gd name="connsiteX6" fmla="*/ 900752 w 1310185"/>
                <a:gd name="connsiteY6" fmla="*/ 191068 h 1037230"/>
                <a:gd name="connsiteX7" fmla="*/ 1310185 w 1310185"/>
                <a:gd name="connsiteY7" fmla="*/ 423080 h 1037230"/>
                <a:gd name="connsiteX8" fmla="*/ 518615 w 1310185"/>
                <a:gd name="connsiteY8" fmla="*/ 1037230 h 1037230"/>
                <a:gd name="connsiteX9" fmla="*/ 0 w 1310185"/>
                <a:gd name="connsiteY9" fmla="*/ 709683 h 10372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Lst>
              <a:rect l="l" t="t" r="r" b="b"/>
              <a:pathLst>
                <a:path w="1310185" h="1037230">
                  <a:moveTo>
                    <a:pt x="0" y="709683"/>
                  </a:moveTo>
                  <a:lnTo>
                    <a:pt x="327546" y="545910"/>
                  </a:lnTo>
                  <a:lnTo>
                    <a:pt x="559558" y="464024"/>
                  </a:lnTo>
                  <a:lnTo>
                    <a:pt x="586853" y="368489"/>
                  </a:lnTo>
                  <a:lnTo>
                    <a:pt x="286603" y="204716"/>
                  </a:lnTo>
                  <a:lnTo>
                    <a:pt x="491319" y="0"/>
                  </a:lnTo>
                  <a:lnTo>
                    <a:pt x="900752" y="191068"/>
                  </a:lnTo>
                  <a:lnTo>
                    <a:pt x="1310185" y="423080"/>
                  </a:lnTo>
                  <a:lnTo>
                    <a:pt x="518615" y="1037230"/>
                  </a:lnTo>
                  <a:lnTo>
                    <a:pt x="0" y="709683"/>
                  </a:lnTo>
                  <a:close/>
                </a:path>
              </a:pathLst>
            </a:custGeom>
            <a:solidFill>
              <a:schemeClr val="accent3">
                <a:alpha val="49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1" name="צורה חופשית 20"/>
            <p:cNvSpPr/>
            <p:nvPr/>
          </p:nvSpPr>
          <p:spPr>
            <a:xfrm>
              <a:off x="461109" y="3302712"/>
              <a:ext cx="1615929" cy="2916351"/>
            </a:xfrm>
            <a:custGeom>
              <a:avLst/>
              <a:gdLst>
                <a:gd name="connsiteX0" fmla="*/ 682388 w 1624084"/>
                <a:gd name="connsiteY0" fmla="*/ 2060812 h 2060812"/>
                <a:gd name="connsiteX1" fmla="*/ 450376 w 1624084"/>
                <a:gd name="connsiteY1" fmla="*/ 1624084 h 2060812"/>
                <a:gd name="connsiteX2" fmla="*/ 122830 w 1624084"/>
                <a:gd name="connsiteY2" fmla="*/ 968991 h 2060812"/>
                <a:gd name="connsiteX3" fmla="*/ 0 w 1624084"/>
                <a:gd name="connsiteY3" fmla="*/ 682388 h 2060812"/>
                <a:gd name="connsiteX4" fmla="*/ 177421 w 1624084"/>
                <a:gd name="connsiteY4" fmla="*/ 504967 h 2060812"/>
                <a:gd name="connsiteX5" fmla="*/ 409433 w 1624084"/>
                <a:gd name="connsiteY5" fmla="*/ 409433 h 2060812"/>
                <a:gd name="connsiteX6" fmla="*/ 382137 w 1624084"/>
                <a:gd name="connsiteY6" fmla="*/ 218364 h 2060812"/>
                <a:gd name="connsiteX7" fmla="*/ 586854 w 1624084"/>
                <a:gd name="connsiteY7" fmla="*/ 0 h 2060812"/>
                <a:gd name="connsiteX8" fmla="*/ 709684 w 1624084"/>
                <a:gd name="connsiteY8" fmla="*/ 81887 h 2060812"/>
                <a:gd name="connsiteX9" fmla="*/ 1105469 w 1624084"/>
                <a:gd name="connsiteY9" fmla="*/ 368490 h 2060812"/>
                <a:gd name="connsiteX10" fmla="*/ 1105469 w 1624084"/>
                <a:gd name="connsiteY10" fmla="*/ 750627 h 2060812"/>
                <a:gd name="connsiteX11" fmla="*/ 1624084 w 1624084"/>
                <a:gd name="connsiteY11" fmla="*/ 1569493 h 2060812"/>
                <a:gd name="connsiteX12" fmla="*/ 682388 w 1624084"/>
                <a:gd name="connsiteY12" fmla="*/ 2060812 h 206081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Lst>
              <a:rect l="l" t="t" r="r" b="b"/>
              <a:pathLst>
                <a:path w="1624084" h="2060812">
                  <a:moveTo>
                    <a:pt x="682388" y="2060812"/>
                  </a:moveTo>
                  <a:lnTo>
                    <a:pt x="450376" y="1624084"/>
                  </a:lnTo>
                  <a:lnTo>
                    <a:pt x="122830" y="968991"/>
                  </a:lnTo>
                  <a:lnTo>
                    <a:pt x="0" y="682388"/>
                  </a:lnTo>
                  <a:lnTo>
                    <a:pt x="177421" y="504967"/>
                  </a:lnTo>
                  <a:lnTo>
                    <a:pt x="409433" y="409433"/>
                  </a:lnTo>
                  <a:lnTo>
                    <a:pt x="382137" y="218364"/>
                  </a:lnTo>
                  <a:lnTo>
                    <a:pt x="586854" y="0"/>
                  </a:lnTo>
                  <a:lnTo>
                    <a:pt x="709684" y="81887"/>
                  </a:lnTo>
                  <a:lnTo>
                    <a:pt x="1105469" y="368490"/>
                  </a:lnTo>
                  <a:lnTo>
                    <a:pt x="1105469" y="750627"/>
                  </a:lnTo>
                  <a:lnTo>
                    <a:pt x="1624084" y="1569493"/>
                  </a:lnTo>
                  <a:lnTo>
                    <a:pt x="682388" y="2060812"/>
                  </a:lnTo>
                  <a:close/>
                </a:path>
              </a:pathLst>
            </a:custGeom>
            <a:solidFill>
              <a:srgbClr val="0070C0">
                <a:alpha val="57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2" name="TextBox 21"/>
            <p:cNvSpPr txBox="1"/>
            <p:nvPr/>
          </p:nvSpPr>
          <p:spPr>
            <a:xfrm>
              <a:off x="967414" y="2783668"/>
              <a:ext cx="1350507" cy="646331"/>
            </a:xfrm>
            <a:prstGeom prst="rect">
              <a:avLst/>
            </a:prstGeom>
            <a:noFill/>
          </p:spPr>
          <p:txBody>
            <a:bodyPr wrap="square" rtlCol="1">
              <a:spAutoFit/>
            </a:bodyPr>
            <a:lstStyle/>
            <a:p>
              <a:pPr algn="ctr"/>
              <a:r>
                <a:rPr lang="en-US" b="1" dirty="0" smtClean="0">
                  <a:solidFill>
                    <a:prstClr val="white"/>
                  </a:solidFill>
                  <a:effectLst>
                    <a:glow rad="228600">
                      <a:srgbClr val="10CF9B">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7643 Brigade</a:t>
              </a:r>
              <a:endParaRPr lang="he-IL" b="1" dirty="0">
                <a:solidFill>
                  <a:prstClr val="white"/>
                </a:solidFill>
                <a:effectLst>
                  <a:glow rad="228600">
                    <a:srgbClr val="10CF9B">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23" name="TextBox 22"/>
            <p:cNvSpPr txBox="1"/>
            <p:nvPr/>
          </p:nvSpPr>
          <p:spPr>
            <a:xfrm>
              <a:off x="486762" y="4419588"/>
              <a:ext cx="1350507" cy="646331"/>
            </a:xfrm>
            <a:prstGeom prst="rect">
              <a:avLst/>
            </a:prstGeom>
            <a:noFill/>
          </p:spPr>
          <p:txBody>
            <a:bodyPr wrap="square" rtlCol="1">
              <a:spAutoFit/>
            </a:bodyPr>
            <a:lstStyle/>
            <a:p>
              <a:pPr algn="ctr" rtl="0"/>
              <a:r>
                <a:rPr lang="he-IL" b="1" dirty="0" smtClean="0">
                  <a:solidFill>
                    <a:prstClr val="white"/>
                  </a:solidFill>
                  <a:effectLst>
                    <a:glow rad="228600">
                      <a:srgbClr val="0F6FC6">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6643 </a:t>
              </a:r>
              <a:r>
                <a:rPr lang="en-US" b="1" dirty="0" smtClean="0">
                  <a:solidFill>
                    <a:prstClr val="white"/>
                  </a:solidFill>
                  <a:effectLst>
                    <a:glow rad="228600">
                      <a:srgbClr val="0F6FC6">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b="1" dirty="0">
                <a:solidFill>
                  <a:prstClr val="white"/>
                </a:solidFill>
                <a:effectLst>
                  <a:glow rad="228600">
                    <a:srgbClr val="0F6FC6">
                      <a:satMod val="175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grpSp>
        <p:nvGrpSpPr>
          <p:cNvPr id="16" name="קבוצה 15"/>
          <p:cNvGrpSpPr/>
          <p:nvPr/>
        </p:nvGrpSpPr>
        <p:grpSpPr>
          <a:xfrm>
            <a:off x="6241201" y="2071692"/>
            <a:ext cx="2668472" cy="4512657"/>
            <a:chOff x="6241201" y="2071692"/>
            <a:chExt cx="2668472" cy="4512657"/>
          </a:xfrm>
        </p:grpSpPr>
        <p:pic>
          <p:nvPicPr>
            <p:cNvPr id="25" name="Picture 6"/>
            <p:cNvPicPr>
              <a:picLocks noChangeAspect="1" noChangeArrowheads="1"/>
            </p:cNvPicPr>
            <p:nvPr/>
          </p:nvPicPr>
          <p:blipFill>
            <a:blip r:embed="rId4" cstate="email">
              <a:lum bright="-27000" contrast="32000"/>
            </a:blip>
            <a:srcRect/>
            <a:stretch>
              <a:fillRect/>
            </a:stretch>
          </p:blipFill>
          <p:spPr bwMode="auto">
            <a:xfrm>
              <a:off x="6241201" y="2132082"/>
              <a:ext cx="2634226" cy="4452267"/>
            </a:xfrm>
            <a:prstGeom prst="rect">
              <a:avLst/>
            </a:prstGeom>
            <a:noFill/>
            <a:ln w="19050">
              <a:solidFill>
                <a:schemeClr val="tx1"/>
              </a:solidFill>
            </a:ln>
          </p:spPr>
        </p:pic>
        <p:sp>
          <p:nvSpPr>
            <p:cNvPr id="26" name="צורה חופשית 25"/>
            <p:cNvSpPr/>
            <p:nvPr/>
          </p:nvSpPr>
          <p:spPr>
            <a:xfrm>
              <a:off x="7656254" y="4349926"/>
              <a:ext cx="964568" cy="2174034"/>
            </a:xfrm>
            <a:custGeom>
              <a:avLst/>
              <a:gdLst>
                <a:gd name="connsiteX0" fmla="*/ 0 w 1419367"/>
                <a:gd name="connsiteY0" fmla="*/ 641445 h 2142699"/>
                <a:gd name="connsiteX1" fmla="*/ 300251 w 1419367"/>
                <a:gd name="connsiteY1" fmla="*/ 1269242 h 2142699"/>
                <a:gd name="connsiteX2" fmla="*/ 395785 w 1419367"/>
                <a:gd name="connsiteY2" fmla="*/ 1651379 h 2142699"/>
                <a:gd name="connsiteX3" fmla="*/ 477672 w 1419367"/>
                <a:gd name="connsiteY3" fmla="*/ 1801505 h 2142699"/>
                <a:gd name="connsiteX4" fmla="*/ 409433 w 1419367"/>
                <a:gd name="connsiteY4" fmla="*/ 1897039 h 2142699"/>
                <a:gd name="connsiteX5" fmla="*/ 627797 w 1419367"/>
                <a:gd name="connsiteY5" fmla="*/ 2142699 h 2142699"/>
                <a:gd name="connsiteX6" fmla="*/ 805218 w 1419367"/>
                <a:gd name="connsiteY6" fmla="*/ 1978926 h 2142699"/>
                <a:gd name="connsiteX7" fmla="*/ 982639 w 1419367"/>
                <a:gd name="connsiteY7" fmla="*/ 1746914 h 2142699"/>
                <a:gd name="connsiteX8" fmla="*/ 1037230 w 1419367"/>
                <a:gd name="connsiteY8" fmla="*/ 1419368 h 2142699"/>
                <a:gd name="connsiteX9" fmla="*/ 1241946 w 1419367"/>
                <a:gd name="connsiteY9" fmla="*/ 1119117 h 2142699"/>
                <a:gd name="connsiteX10" fmla="*/ 1310185 w 1419367"/>
                <a:gd name="connsiteY10" fmla="*/ 818866 h 2142699"/>
                <a:gd name="connsiteX11" fmla="*/ 1419367 w 1419367"/>
                <a:gd name="connsiteY11" fmla="*/ 573206 h 2142699"/>
                <a:gd name="connsiteX12" fmla="*/ 941696 w 1419367"/>
                <a:gd name="connsiteY12" fmla="*/ 0 h 2142699"/>
                <a:gd name="connsiteX13" fmla="*/ 0 w 1419367"/>
                <a:gd name="connsiteY13" fmla="*/ 641445 h 214269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Lst>
              <a:rect l="l" t="t" r="r" b="b"/>
              <a:pathLst>
                <a:path w="1419367" h="2142699">
                  <a:moveTo>
                    <a:pt x="0" y="641445"/>
                  </a:moveTo>
                  <a:lnTo>
                    <a:pt x="300251" y="1269242"/>
                  </a:lnTo>
                  <a:lnTo>
                    <a:pt x="395785" y="1651379"/>
                  </a:lnTo>
                  <a:lnTo>
                    <a:pt x="477672" y="1801505"/>
                  </a:lnTo>
                  <a:lnTo>
                    <a:pt x="409433" y="1897039"/>
                  </a:lnTo>
                  <a:lnTo>
                    <a:pt x="627797" y="2142699"/>
                  </a:lnTo>
                  <a:lnTo>
                    <a:pt x="805218" y="1978926"/>
                  </a:lnTo>
                  <a:lnTo>
                    <a:pt x="982639" y="1746914"/>
                  </a:lnTo>
                  <a:lnTo>
                    <a:pt x="1037230" y="1419368"/>
                  </a:lnTo>
                  <a:lnTo>
                    <a:pt x="1241946" y="1119117"/>
                  </a:lnTo>
                  <a:lnTo>
                    <a:pt x="1310185" y="818866"/>
                  </a:lnTo>
                  <a:lnTo>
                    <a:pt x="1419367" y="573206"/>
                  </a:lnTo>
                  <a:lnTo>
                    <a:pt x="941696" y="0"/>
                  </a:lnTo>
                  <a:lnTo>
                    <a:pt x="0" y="641445"/>
                  </a:lnTo>
                  <a:close/>
                </a:path>
              </a:pathLst>
            </a:custGeom>
            <a:solidFill>
              <a:srgbClr val="C000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7" name="צורה חופשית 26"/>
            <p:cNvSpPr/>
            <p:nvPr/>
          </p:nvSpPr>
          <p:spPr>
            <a:xfrm>
              <a:off x="6894751" y="2175893"/>
              <a:ext cx="1419028" cy="2838322"/>
            </a:xfrm>
            <a:custGeom>
              <a:avLst/>
              <a:gdLst>
                <a:gd name="connsiteX0" fmla="*/ 0 w 2088107"/>
                <a:gd name="connsiteY0" fmla="*/ 491320 h 2811439"/>
                <a:gd name="connsiteX1" fmla="*/ 163773 w 2088107"/>
                <a:gd name="connsiteY1" fmla="*/ 736979 h 2811439"/>
                <a:gd name="connsiteX2" fmla="*/ 191068 w 2088107"/>
                <a:gd name="connsiteY2" fmla="*/ 900753 h 2811439"/>
                <a:gd name="connsiteX3" fmla="*/ 191068 w 2088107"/>
                <a:gd name="connsiteY3" fmla="*/ 1187356 h 2811439"/>
                <a:gd name="connsiteX4" fmla="*/ 300251 w 2088107"/>
                <a:gd name="connsiteY4" fmla="*/ 1282890 h 2811439"/>
                <a:gd name="connsiteX5" fmla="*/ 300251 w 2088107"/>
                <a:gd name="connsiteY5" fmla="*/ 1569493 h 2811439"/>
                <a:gd name="connsiteX6" fmla="*/ 641445 w 2088107"/>
                <a:gd name="connsiteY6" fmla="*/ 1719618 h 2811439"/>
                <a:gd name="connsiteX7" fmla="*/ 941695 w 2088107"/>
                <a:gd name="connsiteY7" fmla="*/ 2429302 h 2811439"/>
                <a:gd name="connsiteX8" fmla="*/ 1132764 w 2088107"/>
                <a:gd name="connsiteY8" fmla="*/ 2811439 h 2811439"/>
                <a:gd name="connsiteX9" fmla="*/ 2088107 w 2088107"/>
                <a:gd name="connsiteY9" fmla="*/ 2197290 h 2811439"/>
                <a:gd name="connsiteX10" fmla="*/ 1856095 w 2088107"/>
                <a:gd name="connsiteY10" fmla="*/ 1528550 h 2811439"/>
                <a:gd name="connsiteX11" fmla="*/ 1787857 w 2088107"/>
                <a:gd name="connsiteY11" fmla="*/ 1173708 h 2811439"/>
                <a:gd name="connsiteX12" fmla="*/ 1569492 w 2088107"/>
                <a:gd name="connsiteY12" fmla="*/ 887105 h 2811439"/>
                <a:gd name="connsiteX13" fmla="*/ 941695 w 2088107"/>
                <a:gd name="connsiteY13" fmla="*/ 0 h 2811439"/>
                <a:gd name="connsiteX14" fmla="*/ 0 w 2088107"/>
                <a:gd name="connsiteY14" fmla="*/ 491320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Lst>
              <a:rect l="l" t="t" r="r" b="b"/>
              <a:pathLst>
                <a:path w="2088107" h="2811439">
                  <a:moveTo>
                    <a:pt x="0" y="491320"/>
                  </a:moveTo>
                  <a:lnTo>
                    <a:pt x="163773" y="736979"/>
                  </a:lnTo>
                  <a:lnTo>
                    <a:pt x="191068" y="900753"/>
                  </a:lnTo>
                  <a:lnTo>
                    <a:pt x="191068" y="1187356"/>
                  </a:lnTo>
                  <a:lnTo>
                    <a:pt x="300251" y="1282890"/>
                  </a:lnTo>
                  <a:lnTo>
                    <a:pt x="300251" y="1569493"/>
                  </a:lnTo>
                  <a:lnTo>
                    <a:pt x="641445" y="1719618"/>
                  </a:lnTo>
                  <a:lnTo>
                    <a:pt x="941695" y="2429302"/>
                  </a:lnTo>
                  <a:lnTo>
                    <a:pt x="1132764" y="2811439"/>
                  </a:lnTo>
                  <a:lnTo>
                    <a:pt x="2088107" y="2197290"/>
                  </a:lnTo>
                  <a:lnTo>
                    <a:pt x="1856095" y="1528550"/>
                  </a:lnTo>
                  <a:lnTo>
                    <a:pt x="1787857" y="1173708"/>
                  </a:lnTo>
                  <a:lnTo>
                    <a:pt x="1569492" y="887105"/>
                  </a:lnTo>
                  <a:lnTo>
                    <a:pt x="941695" y="0"/>
                  </a:lnTo>
                  <a:lnTo>
                    <a:pt x="0" y="491320"/>
                  </a:lnTo>
                  <a:close/>
                </a:path>
              </a:pathLst>
            </a:custGeom>
            <a:solidFill>
              <a:srgbClr val="FFC000">
                <a:alpha val="46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8" name="צורה חופשית 27"/>
            <p:cNvSpPr/>
            <p:nvPr/>
          </p:nvSpPr>
          <p:spPr>
            <a:xfrm>
              <a:off x="8313779" y="2071692"/>
              <a:ext cx="595894" cy="2882132"/>
            </a:xfrm>
            <a:custGeom>
              <a:avLst/>
              <a:gdLst>
                <a:gd name="connsiteX0" fmla="*/ 0 w 859809"/>
                <a:gd name="connsiteY0" fmla="*/ 3016155 h 3589361"/>
                <a:gd name="connsiteX1" fmla="*/ 81887 w 859809"/>
                <a:gd name="connsiteY1" fmla="*/ 2074460 h 3589361"/>
                <a:gd name="connsiteX2" fmla="*/ 368490 w 859809"/>
                <a:gd name="connsiteY2" fmla="*/ 1337481 h 3589361"/>
                <a:gd name="connsiteX3" fmla="*/ 532263 w 859809"/>
                <a:gd name="connsiteY3" fmla="*/ 614149 h 3589361"/>
                <a:gd name="connsiteX4" fmla="*/ 627797 w 859809"/>
                <a:gd name="connsiteY4" fmla="*/ 341194 h 3589361"/>
                <a:gd name="connsiteX5" fmla="*/ 859809 w 859809"/>
                <a:gd name="connsiteY5" fmla="*/ 0 h 3589361"/>
                <a:gd name="connsiteX6" fmla="*/ 859809 w 859809"/>
                <a:gd name="connsiteY6" fmla="*/ 2210937 h 3589361"/>
                <a:gd name="connsiteX7" fmla="*/ 777922 w 859809"/>
                <a:gd name="connsiteY7" fmla="*/ 2634018 h 3589361"/>
                <a:gd name="connsiteX8" fmla="*/ 668740 w 859809"/>
                <a:gd name="connsiteY8" fmla="*/ 3343702 h 3589361"/>
                <a:gd name="connsiteX9" fmla="*/ 504967 w 859809"/>
                <a:gd name="connsiteY9" fmla="*/ 3589361 h 3589361"/>
                <a:gd name="connsiteX10" fmla="*/ 0 w 859809"/>
                <a:gd name="connsiteY10" fmla="*/ 3016155 h 3589361"/>
                <a:gd name="connsiteX0" fmla="*/ 0 w 859809"/>
                <a:gd name="connsiteY0" fmla="*/ 2674961 h 3248167"/>
                <a:gd name="connsiteX1" fmla="*/ 81887 w 859809"/>
                <a:gd name="connsiteY1" fmla="*/ 1733266 h 3248167"/>
                <a:gd name="connsiteX2" fmla="*/ 368490 w 859809"/>
                <a:gd name="connsiteY2" fmla="*/ 996287 h 3248167"/>
                <a:gd name="connsiteX3" fmla="*/ 532263 w 859809"/>
                <a:gd name="connsiteY3" fmla="*/ 272955 h 3248167"/>
                <a:gd name="connsiteX4" fmla="*/ 627797 w 859809"/>
                <a:gd name="connsiteY4" fmla="*/ 0 h 3248167"/>
                <a:gd name="connsiteX5" fmla="*/ 857256 w 859809"/>
                <a:gd name="connsiteY5" fmla="*/ 658938 h 3248167"/>
                <a:gd name="connsiteX6" fmla="*/ 859809 w 859809"/>
                <a:gd name="connsiteY6" fmla="*/ 1869743 h 3248167"/>
                <a:gd name="connsiteX7" fmla="*/ 777922 w 859809"/>
                <a:gd name="connsiteY7" fmla="*/ 2292824 h 3248167"/>
                <a:gd name="connsiteX8" fmla="*/ 668740 w 859809"/>
                <a:gd name="connsiteY8" fmla="*/ 3002508 h 3248167"/>
                <a:gd name="connsiteX9" fmla="*/ 504967 w 859809"/>
                <a:gd name="connsiteY9" fmla="*/ 3248167 h 3248167"/>
                <a:gd name="connsiteX10" fmla="*/ 0 w 859809"/>
                <a:gd name="connsiteY10" fmla="*/ 2674961 h 3248167"/>
                <a:gd name="connsiteX0" fmla="*/ 0 w 888660"/>
                <a:gd name="connsiteY0" fmla="*/ 2674961 h 3248167"/>
                <a:gd name="connsiteX1" fmla="*/ 81887 w 888660"/>
                <a:gd name="connsiteY1" fmla="*/ 1733266 h 3248167"/>
                <a:gd name="connsiteX2" fmla="*/ 368490 w 888660"/>
                <a:gd name="connsiteY2" fmla="*/ 996287 h 3248167"/>
                <a:gd name="connsiteX3" fmla="*/ 532263 w 888660"/>
                <a:gd name="connsiteY3" fmla="*/ 272955 h 3248167"/>
                <a:gd name="connsiteX4" fmla="*/ 627797 w 888660"/>
                <a:gd name="connsiteY4" fmla="*/ 0 h 3248167"/>
                <a:gd name="connsiteX5" fmla="*/ 857256 w 888660"/>
                <a:gd name="connsiteY5" fmla="*/ 658938 h 3248167"/>
                <a:gd name="connsiteX6" fmla="*/ 859809 w 888660"/>
                <a:gd name="connsiteY6" fmla="*/ 1869743 h 3248167"/>
                <a:gd name="connsiteX7" fmla="*/ 777922 w 888660"/>
                <a:gd name="connsiteY7" fmla="*/ 2292824 h 3248167"/>
                <a:gd name="connsiteX8" fmla="*/ 668740 w 888660"/>
                <a:gd name="connsiteY8" fmla="*/ 3002508 h 3248167"/>
                <a:gd name="connsiteX9" fmla="*/ 504967 w 888660"/>
                <a:gd name="connsiteY9" fmla="*/ 3248167 h 3248167"/>
                <a:gd name="connsiteX10" fmla="*/ 0 w 888660"/>
                <a:gd name="connsiteY10" fmla="*/ 2674961 h 3248167"/>
                <a:gd name="connsiteX0" fmla="*/ 0 w 888660"/>
                <a:gd name="connsiteY0" fmla="*/ 2402006 h 2975212"/>
                <a:gd name="connsiteX1" fmla="*/ 81887 w 888660"/>
                <a:gd name="connsiteY1" fmla="*/ 1460311 h 2975212"/>
                <a:gd name="connsiteX2" fmla="*/ 368490 w 888660"/>
                <a:gd name="connsiteY2" fmla="*/ 723332 h 2975212"/>
                <a:gd name="connsiteX3" fmla="*/ 532263 w 888660"/>
                <a:gd name="connsiteY3" fmla="*/ 0 h 2975212"/>
                <a:gd name="connsiteX4" fmla="*/ 714379 w 888660"/>
                <a:gd name="connsiteY4" fmla="*/ 385983 h 2975212"/>
                <a:gd name="connsiteX5" fmla="*/ 857256 w 888660"/>
                <a:gd name="connsiteY5" fmla="*/ 385983 h 2975212"/>
                <a:gd name="connsiteX6" fmla="*/ 859809 w 888660"/>
                <a:gd name="connsiteY6" fmla="*/ 1596788 h 2975212"/>
                <a:gd name="connsiteX7" fmla="*/ 777922 w 888660"/>
                <a:gd name="connsiteY7" fmla="*/ 2019869 h 2975212"/>
                <a:gd name="connsiteX8" fmla="*/ 668740 w 888660"/>
                <a:gd name="connsiteY8" fmla="*/ 2729553 h 2975212"/>
                <a:gd name="connsiteX9" fmla="*/ 504967 w 888660"/>
                <a:gd name="connsiteY9" fmla="*/ 2975212 h 2975212"/>
                <a:gd name="connsiteX10" fmla="*/ 0 w 888660"/>
                <a:gd name="connsiteY10" fmla="*/ 2402006 h 2975212"/>
                <a:gd name="connsiteX0" fmla="*/ 0 w 888660"/>
                <a:gd name="connsiteY0" fmla="*/ 2301776 h 2874982"/>
                <a:gd name="connsiteX1" fmla="*/ 81887 w 888660"/>
                <a:gd name="connsiteY1" fmla="*/ 1360081 h 2874982"/>
                <a:gd name="connsiteX2" fmla="*/ 368490 w 888660"/>
                <a:gd name="connsiteY2" fmla="*/ 623102 h 2874982"/>
                <a:gd name="connsiteX3" fmla="*/ 571503 w 888660"/>
                <a:gd name="connsiteY3" fmla="*/ 0 h 2874982"/>
                <a:gd name="connsiteX4" fmla="*/ 714379 w 888660"/>
                <a:gd name="connsiteY4" fmla="*/ 285753 h 2874982"/>
                <a:gd name="connsiteX5" fmla="*/ 857256 w 888660"/>
                <a:gd name="connsiteY5" fmla="*/ 285753 h 2874982"/>
                <a:gd name="connsiteX6" fmla="*/ 859809 w 888660"/>
                <a:gd name="connsiteY6" fmla="*/ 1496558 h 2874982"/>
                <a:gd name="connsiteX7" fmla="*/ 777922 w 888660"/>
                <a:gd name="connsiteY7" fmla="*/ 1919639 h 2874982"/>
                <a:gd name="connsiteX8" fmla="*/ 668740 w 888660"/>
                <a:gd name="connsiteY8" fmla="*/ 2629323 h 2874982"/>
                <a:gd name="connsiteX9" fmla="*/ 504967 w 888660"/>
                <a:gd name="connsiteY9" fmla="*/ 2874982 h 2874982"/>
                <a:gd name="connsiteX10" fmla="*/ 0 w 888660"/>
                <a:gd name="connsiteY10" fmla="*/ 2301776 h 2874982"/>
                <a:gd name="connsiteX0" fmla="*/ 0 w 933741"/>
                <a:gd name="connsiteY0" fmla="*/ 2301776 h 2874982"/>
                <a:gd name="connsiteX1" fmla="*/ 81887 w 933741"/>
                <a:gd name="connsiteY1" fmla="*/ 1360081 h 2874982"/>
                <a:gd name="connsiteX2" fmla="*/ 368490 w 933741"/>
                <a:gd name="connsiteY2" fmla="*/ 623102 h 2874982"/>
                <a:gd name="connsiteX3" fmla="*/ 571503 w 933741"/>
                <a:gd name="connsiteY3" fmla="*/ 0 h 2874982"/>
                <a:gd name="connsiteX4" fmla="*/ 857255 w 933741"/>
                <a:gd name="connsiteY4" fmla="*/ 142876 h 2874982"/>
                <a:gd name="connsiteX5" fmla="*/ 857256 w 933741"/>
                <a:gd name="connsiteY5" fmla="*/ 285753 h 2874982"/>
                <a:gd name="connsiteX6" fmla="*/ 859809 w 933741"/>
                <a:gd name="connsiteY6" fmla="*/ 1496558 h 2874982"/>
                <a:gd name="connsiteX7" fmla="*/ 777922 w 933741"/>
                <a:gd name="connsiteY7" fmla="*/ 1919639 h 2874982"/>
                <a:gd name="connsiteX8" fmla="*/ 668740 w 933741"/>
                <a:gd name="connsiteY8" fmla="*/ 2629323 h 2874982"/>
                <a:gd name="connsiteX9" fmla="*/ 504967 w 933741"/>
                <a:gd name="connsiteY9" fmla="*/ 2874982 h 2874982"/>
                <a:gd name="connsiteX10" fmla="*/ 0 w 933741"/>
                <a:gd name="connsiteY10" fmla="*/ 2301776 h 28749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Lst>
              <a:rect l="l" t="t" r="r" b="b"/>
              <a:pathLst>
                <a:path w="933741" h="2874982">
                  <a:moveTo>
                    <a:pt x="0" y="2301776"/>
                  </a:moveTo>
                  <a:lnTo>
                    <a:pt x="81887" y="1360081"/>
                  </a:lnTo>
                  <a:lnTo>
                    <a:pt x="368490" y="623102"/>
                  </a:lnTo>
                  <a:lnTo>
                    <a:pt x="571503" y="0"/>
                  </a:lnTo>
                  <a:lnTo>
                    <a:pt x="857255" y="142876"/>
                  </a:lnTo>
                  <a:cubicBezTo>
                    <a:pt x="933741" y="362522"/>
                    <a:pt x="888660" y="78486"/>
                    <a:pt x="857256" y="285753"/>
                  </a:cubicBezTo>
                  <a:lnTo>
                    <a:pt x="859809" y="1496558"/>
                  </a:lnTo>
                  <a:lnTo>
                    <a:pt x="777922" y="1919639"/>
                  </a:lnTo>
                  <a:lnTo>
                    <a:pt x="668740" y="2629323"/>
                  </a:lnTo>
                  <a:lnTo>
                    <a:pt x="504967" y="2874982"/>
                  </a:lnTo>
                  <a:lnTo>
                    <a:pt x="0" y="2301776"/>
                  </a:lnTo>
                  <a:close/>
                </a:path>
              </a:pathLst>
            </a:custGeom>
            <a:solidFill>
              <a:srgbClr val="C00000">
                <a:alpha val="5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29" name="TextBox 28"/>
            <p:cNvSpPr txBox="1"/>
            <p:nvPr/>
          </p:nvSpPr>
          <p:spPr>
            <a:xfrm>
              <a:off x="7113723" y="3059505"/>
              <a:ext cx="1165809" cy="923330"/>
            </a:xfrm>
            <a:prstGeom prst="rect">
              <a:avLst/>
            </a:prstGeom>
            <a:noFill/>
          </p:spPr>
          <p:txBody>
            <a:bodyPr wrap="square" rtlCol="1">
              <a:spAutoFit/>
            </a:bodyPr>
            <a:lstStyle/>
            <a:p>
              <a:pPr algn="l" rtl="0"/>
              <a:r>
                <a:rPr lang="en-US" b="1" dirty="0" err="1" smtClean="0">
                  <a:solidFill>
                    <a:prstClr val="white"/>
                  </a:solidFill>
                  <a:effectLst>
                    <a:glow rad="2286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Sagi</a:t>
              </a:r>
              <a:r>
                <a:rPr lang="en-US" b="1" dirty="0" smtClean="0">
                  <a:solidFill>
                    <a:prstClr val="white"/>
                  </a:solidFill>
                  <a:effectLst>
                    <a:glow rad="2286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 Regional Brigade</a:t>
              </a:r>
              <a:endParaRPr lang="he-IL" b="1" dirty="0">
                <a:solidFill>
                  <a:prstClr val="white"/>
                </a:solidFill>
                <a:effectLst>
                  <a:glow rad="2286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0" name="TextBox 29"/>
            <p:cNvSpPr txBox="1"/>
            <p:nvPr/>
          </p:nvSpPr>
          <p:spPr>
            <a:xfrm>
              <a:off x="7512801" y="4675705"/>
              <a:ext cx="1362625" cy="923330"/>
            </a:xfrm>
            <a:prstGeom prst="rect">
              <a:avLst/>
            </a:prstGeom>
            <a:noFill/>
          </p:spPr>
          <p:txBody>
            <a:bodyPr wrap="square" rtlCol="1">
              <a:spAutoFit/>
            </a:bodyPr>
            <a:lstStyle/>
            <a:p>
              <a:pPr algn="ctr"/>
              <a:r>
                <a:rPr lang="en-US" b="1" dirty="0" err="1" smtClean="0">
                  <a:solidFill>
                    <a:prstClr val="white"/>
                  </a:solidFill>
                  <a:effectLst>
                    <a:glow rad="228600">
                      <a:srgbClr val="C00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Eilat</a:t>
              </a:r>
              <a:endParaRPr lang="en-US" b="1" dirty="0" smtClean="0">
                <a:solidFill>
                  <a:prstClr val="white"/>
                </a:solidFill>
                <a:effectLst>
                  <a:glow rad="228600">
                    <a:srgbClr val="C00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b="1" dirty="0" smtClean="0">
                  <a:solidFill>
                    <a:prstClr val="white"/>
                  </a:solidFill>
                  <a:effectLst>
                    <a:glow rad="228600">
                      <a:srgbClr val="C00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Regional Brigade</a:t>
              </a:r>
              <a:endParaRPr lang="he-IL" b="1" dirty="0">
                <a:solidFill>
                  <a:prstClr val="white"/>
                </a:solidFill>
                <a:effectLst>
                  <a:glow rad="228600">
                    <a:srgbClr val="C00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33" name="מלבן 32"/>
          <p:cNvSpPr/>
          <p:nvPr/>
        </p:nvSpPr>
        <p:spPr>
          <a:xfrm>
            <a:off x="1" y="0"/>
            <a:ext cx="9144000" cy="756481"/>
          </a:xfrm>
          <a:prstGeom prst="rect">
            <a:avLst/>
          </a:prstGeom>
        </p:spPr>
        <p:txBody>
          <a:bodyPr wrap="square" anchor="ctr">
            <a:noAutofit/>
          </a:bodyPr>
          <a:lstStyle/>
          <a:p>
            <a:pPr algn="ctr">
              <a:spcBef>
                <a:spcPct val="0"/>
              </a:spcBef>
            </a:pPr>
            <a:r>
              <a:rPr lang="en-US" sz="2800" b="1" dirty="0" smtClean="0">
                <a:ea typeface="+mj-ea"/>
                <a:cs typeface="Guttman Hatzvi" panose="02010401010101010101" pitchFamily="2" charset="-79"/>
              </a:rPr>
              <a:t>Southern Command</a:t>
            </a:r>
            <a:endParaRPr lang="he-IL" sz="2800" b="1" dirty="0">
              <a:ea typeface="+mj-ea"/>
              <a:cs typeface="Guttman Hatzvi" panose="02010401010101010101" pitchFamily="2" charset="-79"/>
            </a:endParaRPr>
          </a:p>
        </p:txBody>
      </p:sp>
      <p:pic>
        <p:nvPicPr>
          <p:cNvPr id="32" name="תמונה 3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282867" y="973368"/>
            <a:ext cx="600046" cy="600046"/>
          </a:xfrm>
          <a:prstGeom prst="rect">
            <a:avLst/>
          </a:prstGeom>
        </p:spPr>
      </p:pic>
      <p:pic>
        <p:nvPicPr>
          <p:cNvPr id="35" name="תמונה 34"/>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8319158" y="1536859"/>
            <a:ext cx="399723" cy="543245"/>
          </a:xfrm>
          <a:prstGeom prst="rect">
            <a:avLst/>
          </a:prstGeom>
        </p:spPr>
      </p:pic>
      <p:pic>
        <p:nvPicPr>
          <p:cNvPr id="36" name="תמונה 35"/>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2426363" y="1574772"/>
            <a:ext cx="382294" cy="531392"/>
          </a:xfrm>
          <a:prstGeom prst="rect">
            <a:avLst/>
          </a:prstGeom>
        </p:spPr>
      </p:pic>
    </p:spTree>
    <p:extLst>
      <p:ext uri="{BB962C8B-B14F-4D97-AF65-F5344CB8AC3E}">
        <p14:creationId xmlns:p14="http://schemas.microsoft.com/office/powerpoint/2010/main" val="3486161412"/>
      </p:ext>
    </p:extLst>
  </p:cSld>
  <p:clrMapOvr>
    <a:masterClrMapping/>
  </p:clrMapOvr>
  <p:transition/>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1" name="מלבן מעוגל 80"/>
          <p:cNvSpPr/>
          <p:nvPr/>
        </p:nvSpPr>
        <p:spPr>
          <a:xfrm>
            <a:off x="675986" y="2910943"/>
            <a:ext cx="1791840" cy="486376"/>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Israel National Defense College</a:t>
            </a:r>
          </a:p>
          <a:p>
            <a:pPr algn="ctr"/>
            <a:r>
              <a:rPr lang="en-US" sz="1050" b="1" dirty="0">
                <a:latin typeface="Segoe UI" panose="020B0502040204020203" pitchFamily="34" charset="0"/>
                <a:ea typeface="Segoe UI" panose="020B0502040204020203" pitchFamily="34" charset="0"/>
                <a:cs typeface="Segoe UI" panose="020B0502040204020203" pitchFamily="34" charset="0"/>
              </a:rPr>
              <a:t>(</a:t>
            </a:r>
            <a:r>
              <a:rPr lang="en-US" sz="1050" dirty="0">
                <a:latin typeface="Segoe UI" panose="020B0502040204020203" pitchFamily="34" charset="0"/>
                <a:ea typeface="Segoe UI" panose="020B0502040204020203" pitchFamily="34" charset="0"/>
                <a:cs typeface="Segoe UI" panose="020B0502040204020203" pitchFamily="34" charset="0"/>
              </a:rPr>
              <a:t>Col Yoni </a:t>
            </a:r>
            <a:r>
              <a:rPr lang="en-US" sz="1050" dirty="0" err="1">
                <a:latin typeface="Segoe UI" panose="020B0502040204020203" pitchFamily="34" charset="0"/>
                <a:ea typeface="Segoe UI" panose="020B0502040204020203" pitchFamily="34" charset="0"/>
                <a:cs typeface="Segoe UI" panose="020B0502040204020203" pitchFamily="34" charset="0"/>
              </a:rPr>
              <a:t>Sayda</a:t>
            </a:r>
            <a:r>
              <a:rPr lang="en-US" sz="1050" dirty="0">
                <a:latin typeface="Segoe UI" panose="020B0502040204020203" pitchFamily="34" charset="0"/>
                <a:ea typeface="Segoe UI" panose="020B0502040204020203" pitchFamily="34" charset="0"/>
                <a:cs typeface="Segoe UI" panose="020B0502040204020203" pitchFamily="34" charset="0"/>
              </a:rPr>
              <a:t> </a:t>
            </a:r>
            <a:r>
              <a:rPr lang="en-US" sz="1050" dirty="0" err="1">
                <a:latin typeface="Segoe UI" panose="020B0502040204020203" pitchFamily="34" charset="0"/>
                <a:ea typeface="Segoe UI" panose="020B0502040204020203" pitchFamily="34" charset="0"/>
                <a:cs typeface="Segoe UI" panose="020B0502040204020203" pitchFamily="34" charset="0"/>
              </a:rPr>
              <a:t>Marom</a:t>
            </a:r>
            <a:r>
              <a:rPr lang="en-US" sz="1050" b="1" dirty="0">
                <a:latin typeface="Segoe UI" panose="020B0502040204020203" pitchFamily="34" charset="0"/>
                <a:ea typeface="Segoe UI" panose="020B0502040204020203" pitchFamily="34" charset="0"/>
                <a:cs typeface="Segoe UI" panose="020B0502040204020203" pitchFamily="34" charset="0"/>
              </a:rPr>
              <a:t>)</a:t>
            </a:r>
            <a:endParaRPr lang="he-IL" sz="1050" b="1" dirty="0">
              <a:latin typeface="Segoe UI" panose="020B0502040204020203" pitchFamily="34" charset="0"/>
              <a:ea typeface="Segoe UI" panose="020B0502040204020203" pitchFamily="34" charset="0"/>
            </a:endParaRPr>
          </a:p>
        </p:txBody>
      </p:sp>
      <p:cxnSp>
        <p:nvCxnSpPr>
          <p:cNvPr id="56" name="מחבר ישר 55"/>
          <p:cNvCxnSpPr/>
          <p:nvPr/>
        </p:nvCxnSpPr>
        <p:spPr>
          <a:xfrm>
            <a:off x="6963626" y="4368234"/>
            <a:ext cx="0" cy="977714"/>
          </a:xfrm>
          <a:prstGeom prst="line">
            <a:avLst/>
          </a:prstGeom>
        </p:spPr>
        <p:style>
          <a:lnRef idx="1">
            <a:schemeClr val="dk1"/>
          </a:lnRef>
          <a:fillRef idx="0">
            <a:schemeClr val="dk1"/>
          </a:fillRef>
          <a:effectRef idx="0">
            <a:schemeClr val="dk1"/>
          </a:effectRef>
          <a:fontRef idx="minor">
            <a:schemeClr val="tx1"/>
          </a:fontRef>
        </p:style>
      </p:cxnSp>
      <p:cxnSp>
        <p:nvCxnSpPr>
          <p:cNvPr id="55" name="מחבר ישר 54"/>
          <p:cNvCxnSpPr/>
          <p:nvPr/>
        </p:nvCxnSpPr>
        <p:spPr>
          <a:xfrm>
            <a:off x="6473770" y="2665274"/>
            <a:ext cx="0" cy="977714"/>
          </a:xfrm>
          <a:prstGeom prst="line">
            <a:avLst/>
          </a:prstGeom>
        </p:spPr>
        <p:style>
          <a:lnRef idx="1">
            <a:schemeClr val="dk1"/>
          </a:lnRef>
          <a:fillRef idx="0">
            <a:schemeClr val="dk1"/>
          </a:fillRef>
          <a:effectRef idx="0">
            <a:schemeClr val="dk1"/>
          </a:effectRef>
          <a:fontRef idx="minor">
            <a:schemeClr val="tx1"/>
          </a:fontRef>
        </p:style>
      </p:cxnSp>
      <p:cxnSp>
        <p:nvCxnSpPr>
          <p:cNvPr id="54" name="מחבר ישר 53"/>
          <p:cNvCxnSpPr/>
          <p:nvPr/>
        </p:nvCxnSpPr>
        <p:spPr>
          <a:xfrm>
            <a:off x="2462387" y="4368234"/>
            <a:ext cx="0" cy="977714"/>
          </a:xfrm>
          <a:prstGeom prst="line">
            <a:avLst/>
          </a:prstGeom>
        </p:spPr>
        <p:style>
          <a:lnRef idx="1">
            <a:schemeClr val="dk1"/>
          </a:lnRef>
          <a:fillRef idx="0">
            <a:schemeClr val="dk1"/>
          </a:fillRef>
          <a:effectRef idx="0">
            <a:schemeClr val="dk1"/>
          </a:effectRef>
          <a:fontRef idx="minor">
            <a:schemeClr val="tx1"/>
          </a:fontRef>
        </p:style>
      </p:cxnSp>
      <p:cxnSp>
        <p:nvCxnSpPr>
          <p:cNvPr id="45" name="מחבר ישר 44"/>
          <p:cNvCxnSpPr>
            <a:stCxn id="5" idx="2"/>
          </p:cNvCxnSpPr>
          <p:nvPr/>
        </p:nvCxnSpPr>
        <p:spPr>
          <a:xfrm flipH="1">
            <a:off x="4666740" y="3373609"/>
            <a:ext cx="10886" cy="989180"/>
          </a:xfrm>
          <a:prstGeom prst="line">
            <a:avLst/>
          </a:prstGeom>
        </p:spPr>
        <p:style>
          <a:lnRef idx="1">
            <a:schemeClr val="dk1"/>
          </a:lnRef>
          <a:fillRef idx="0">
            <a:schemeClr val="dk1"/>
          </a:fillRef>
          <a:effectRef idx="0">
            <a:schemeClr val="dk1"/>
          </a:effectRef>
          <a:fontRef idx="minor">
            <a:schemeClr val="tx1"/>
          </a:fontRef>
        </p:style>
      </p:cxnSp>
      <p:cxnSp>
        <p:nvCxnSpPr>
          <p:cNvPr id="44" name="מחבר ישר 43"/>
          <p:cNvCxnSpPr/>
          <p:nvPr/>
        </p:nvCxnSpPr>
        <p:spPr>
          <a:xfrm>
            <a:off x="4666740" y="2642295"/>
            <a:ext cx="0" cy="384743"/>
          </a:xfrm>
          <a:prstGeom prst="line">
            <a:avLst/>
          </a:prstGeom>
        </p:spPr>
        <p:style>
          <a:lnRef idx="1">
            <a:schemeClr val="dk1"/>
          </a:lnRef>
          <a:fillRef idx="0">
            <a:schemeClr val="dk1"/>
          </a:fillRef>
          <a:effectRef idx="0">
            <a:schemeClr val="dk1"/>
          </a:effectRef>
          <a:fontRef idx="minor">
            <a:schemeClr val="tx1"/>
          </a:fontRef>
        </p:style>
      </p:cxnSp>
      <p:cxnSp>
        <p:nvCxnSpPr>
          <p:cNvPr id="42" name="מחבר ישר 41"/>
          <p:cNvCxnSpPr/>
          <p:nvPr/>
        </p:nvCxnSpPr>
        <p:spPr>
          <a:xfrm>
            <a:off x="8308011" y="2665277"/>
            <a:ext cx="0" cy="330472"/>
          </a:xfrm>
          <a:prstGeom prst="line">
            <a:avLst/>
          </a:prstGeom>
        </p:spPr>
        <p:style>
          <a:lnRef idx="1">
            <a:schemeClr val="dk1"/>
          </a:lnRef>
          <a:fillRef idx="0">
            <a:schemeClr val="dk1"/>
          </a:fillRef>
          <a:effectRef idx="0">
            <a:schemeClr val="dk1"/>
          </a:effectRef>
          <a:fontRef idx="minor">
            <a:schemeClr val="tx1"/>
          </a:fontRef>
        </p:style>
      </p:cxnSp>
      <p:cxnSp>
        <p:nvCxnSpPr>
          <p:cNvPr id="39" name="מחבר ישר 38"/>
          <p:cNvCxnSpPr/>
          <p:nvPr/>
        </p:nvCxnSpPr>
        <p:spPr>
          <a:xfrm>
            <a:off x="1248626" y="2617539"/>
            <a:ext cx="0" cy="330472"/>
          </a:xfrm>
          <a:prstGeom prst="line">
            <a:avLst/>
          </a:prstGeom>
        </p:spPr>
        <p:style>
          <a:lnRef idx="1">
            <a:schemeClr val="dk1"/>
          </a:lnRef>
          <a:fillRef idx="0">
            <a:schemeClr val="dk1"/>
          </a:fillRef>
          <a:effectRef idx="0">
            <a:schemeClr val="dk1"/>
          </a:effectRef>
          <a:fontRef idx="minor">
            <a:schemeClr val="tx1"/>
          </a:fontRef>
        </p:style>
      </p:cxnSp>
      <p:sp>
        <p:nvSpPr>
          <p:cNvPr id="2" name="כותרת 1"/>
          <p:cNvSpPr>
            <a:spLocks noGrp="1"/>
          </p:cNvSpPr>
          <p:nvPr>
            <p:ph type="ctrTitle"/>
          </p:nvPr>
        </p:nvSpPr>
        <p:spPr>
          <a:xfrm>
            <a:off x="914400" y="20928"/>
            <a:ext cx="7393611" cy="726946"/>
          </a:xfrm>
        </p:spPr>
        <p:txBody>
          <a:bodyPr>
            <a:noAutofit/>
          </a:bodyPr>
          <a:lstStyle/>
          <a:p>
            <a:r>
              <a:rPr lang="en-US" sz="2800" b="1" dirty="0" smtClean="0">
                <a:latin typeface="+mn-lt"/>
                <a:cs typeface="Guttman Hatzvi" panose="02010401010101010101" pitchFamily="2" charset="-79"/>
              </a:rPr>
              <a:t>Structure of the IDF Military Colleges</a:t>
            </a:r>
            <a:endParaRPr lang="he-IL" sz="2800" b="1" dirty="0">
              <a:latin typeface="+mn-lt"/>
              <a:cs typeface="Guttman Hatzvi" panose="02010401010101010101" pitchFamily="2" charset="-79"/>
            </a:endParaRPr>
          </a:p>
        </p:txBody>
      </p:sp>
      <p:sp>
        <p:nvSpPr>
          <p:cNvPr id="4" name="מלבן מעוגל 3"/>
          <p:cNvSpPr/>
          <p:nvPr/>
        </p:nvSpPr>
        <p:spPr>
          <a:xfrm>
            <a:off x="3171825" y="1762252"/>
            <a:ext cx="2990850" cy="586796"/>
          </a:xfrm>
          <a:prstGeom prst="roundRect">
            <a:avLst/>
          </a:prstGeom>
        </p:spPr>
        <p:style>
          <a:lnRef idx="1">
            <a:schemeClr val="accent5"/>
          </a:lnRef>
          <a:fillRef idx="2">
            <a:schemeClr val="accent5"/>
          </a:fillRef>
          <a:effectRef idx="1">
            <a:schemeClr val="accent5"/>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Head of the IDF Military Colleges</a:t>
            </a:r>
          </a:p>
          <a:p>
            <a:pPr algn="ctr"/>
            <a:r>
              <a:rPr lang="en-US" sz="1050" dirty="0">
                <a:latin typeface="Segoe UI" panose="020B0502040204020203" pitchFamily="34" charset="0"/>
                <a:ea typeface="Segoe UI" panose="020B0502040204020203" pitchFamily="34" charset="0"/>
                <a:cs typeface="Segoe UI" panose="020B0502040204020203" pitchFamily="34" charset="0"/>
              </a:rPr>
              <a:t>(MG </a:t>
            </a:r>
            <a:r>
              <a:rPr lang="en-US" sz="1050" dirty="0" smtClean="0">
                <a:latin typeface="Segoe UI" panose="020B0502040204020203" pitchFamily="34" charset="0"/>
                <a:ea typeface="Segoe UI" panose="020B0502040204020203" pitchFamily="34" charset="0"/>
                <a:cs typeface="Segoe UI" panose="020B0502040204020203" pitchFamily="34" charset="0"/>
              </a:rPr>
              <a:t>Amir </a:t>
            </a:r>
            <a:r>
              <a:rPr lang="en-US" sz="1050" dirty="0" err="1" smtClean="0">
                <a:latin typeface="Segoe UI" panose="020B0502040204020203" pitchFamily="34" charset="0"/>
                <a:ea typeface="Segoe UI" panose="020B0502040204020203" pitchFamily="34" charset="0"/>
                <a:cs typeface="Segoe UI" panose="020B0502040204020203" pitchFamily="34" charset="0"/>
              </a:rPr>
              <a:t>Baram</a:t>
            </a:r>
            <a:r>
              <a:rPr lang="en-US" sz="1050" dirty="0" smtClean="0">
                <a:latin typeface="Segoe UI" panose="020B0502040204020203" pitchFamily="34" charset="0"/>
                <a:ea typeface="Segoe UI" panose="020B0502040204020203" pitchFamily="34" charset="0"/>
                <a:cs typeface="Segoe UI" panose="020B0502040204020203" pitchFamily="34" charset="0"/>
              </a:rPr>
              <a:t>)</a:t>
            </a:r>
            <a:endParaRPr lang="he-IL" sz="1050" dirty="0">
              <a:latin typeface="Segoe UI" panose="020B0502040204020203" pitchFamily="34" charset="0"/>
              <a:ea typeface="Segoe UI" panose="020B0502040204020203" pitchFamily="34" charset="0"/>
            </a:endParaRPr>
          </a:p>
        </p:txBody>
      </p:sp>
      <p:sp>
        <p:nvSpPr>
          <p:cNvPr id="5" name="מלבן מעוגל 4"/>
          <p:cNvSpPr/>
          <p:nvPr/>
        </p:nvSpPr>
        <p:spPr>
          <a:xfrm>
            <a:off x="3572726" y="2910943"/>
            <a:ext cx="2209800" cy="462666"/>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Chief of Staff of the Colleges</a:t>
            </a:r>
          </a:p>
          <a:p>
            <a:pPr algn="ctr"/>
            <a:r>
              <a:rPr lang="en-US" sz="1050" b="1" dirty="0">
                <a:latin typeface="Segoe UI" panose="020B0502040204020203" pitchFamily="34" charset="0"/>
                <a:ea typeface="Segoe UI" panose="020B0502040204020203" pitchFamily="34" charset="0"/>
                <a:cs typeface="Segoe UI" panose="020B0502040204020203" pitchFamily="34" charset="0"/>
              </a:rPr>
              <a:t>(</a:t>
            </a:r>
            <a:r>
              <a:rPr lang="en-US" sz="1050" dirty="0">
                <a:latin typeface="Segoe UI" panose="020B0502040204020203" pitchFamily="34" charset="0"/>
                <a:ea typeface="Segoe UI" panose="020B0502040204020203" pitchFamily="34" charset="0"/>
                <a:cs typeface="Segoe UI" panose="020B0502040204020203" pitchFamily="34" charset="0"/>
              </a:rPr>
              <a:t>BG </a:t>
            </a:r>
            <a:r>
              <a:rPr lang="en-US" sz="1050" dirty="0" err="1">
                <a:latin typeface="Segoe UI" panose="020B0502040204020203" pitchFamily="34" charset="0"/>
                <a:ea typeface="Segoe UI" panose="020B0502040204020203" pitchFamily="34" charset="0"/>
                <a:cs typeface="Segoe UI" panose="020B0502040204020203" pitchFamily="34" charset="0"/>
              </a:rPr>
              <a:t>Udi</a:t>
            </a:r>
            <a:r>
              <a:rPr lang="en-US" sz="1050" dirty="0">
                <a:latin typeface="Segoe UI" panose="020B0502040204020203" pitchFamily="34" charset="0"/>
                <a:ea typeface="Segoe UI" panose="020B0502040204020203" pitchFamily="34" charset="0"/>
                <a:cs typeface="Segoe UI" panose="020B0502040204020203" pitchFamily="34" charset="0"/>
              </a:rPr>
              <a:t> Ben-Mocha</a:t>
            </a:r>
            <a:r>
              <a:rPr lang="en-US" sz="1050" b="1" dirty="0">
                <a:latin typeface="Segoe UI" panose="020B0502040204020203" pitchFamily="34" charset="0"/>
                <a:ea typeface="Segoe UI" panose="020B0502040204020203" pitchFamily="34" charset="0"/>
                <a:cs typeface="Segoe UI" panose="020B0502040204020203" pitchFamily="34" charset="0"/>
              </a:rPr>
              <a:t>)</a:t>
            </a:r>
            <a:endParaRPr lang="he-IL" sz="1050" b="1" dirty="0">
              <a:latin typeface="Segoe UI" panose="020B0502040204020203" pitchFamily="34" charset="0"/>
              <a:ea typeface="Segoe UI" panose="020B0502040204020203" pitchFamily="34" charset="0"/>
            </a:endParaRPr>
          </a:p>
        </p:txBody>
      </p:sp>
      <p:sp>
        <p:nvSpPr>
          <p:cNvPr id="9" name="מלבן מעוגל 8"/>
          <p:cNvSpPr/>
          <p:nvPr/>
        </p:nvSpPr>
        <p:spPr>
          <a:xfrm>
            <a:off x="586638" y="3655230"/>
            <a:ext cx="1323975" cy="485235"/>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dirty="0">
                <a:ln w="0"/>
                <a:solidFill>
                  <a:schemeClr val="tx1"/>
                </a:solidFill>
                <a:effectLst>
                  <a:outerShdw blurRad="38100" dist="19050" dir="2700000" algn="tl" rotWithShape="0">
                    <a:schemeClr val="dk1">
                      <a:alpha val="40000"/>
                    </a:schemeClr>
                  </a:outerShdw>
                </a:effectLst>
                <a:latin typeface="Segoe UI" panose="020B0502040204020203" pitchFamily="34" charset="0"/>
                <a:ea typeface="Segoe UI" panose="020B0502040204020203" pitchFamily="34" charset="0"/>
                <a:cs typeface="Segoe UI" panose="020B0502040204020203" pitchFamily="34" charset="0"/>
              </a:rPr>
              <a:t>Research Center</a:t>
            </a:r>
            <a:endParaRPr lang="he-IL" sz="1050" dirty="0">
              <a:ln w="0"/>
              <a:solidFill>
                <a:schemeClr val="tx1"/>
              </a:solidFill>
              <a:effectLst>
                <a:outerShdw blurRad="38100" dist="19050" dir="2700000" algn="tl" rotWithShape="0">
                  <a:schemeClr val="dk1">
                    <a:alpha val="40000"/>
                  </a:schemeClr>
                </a:outerShdw>
              </a:effectLst>
              <a:latin typeface="Segoe UI" panose="020B0502040204020203" pitchFamily="34" charset="0"/>
              <a:ea typeface="Segoe UI" panose="020B0502040204020203" pitchFamily="34" charset="0"/>
            </a:endParaRPr>
          </a:p>
        </p:txBody>
      </p:sp>
      <p:sp>
        <p:nvSpPr>
          <p:cNvPr id="11" name="מלבן מעוגל 10"/>
          <p:cNvSpPr/>
          <p:nvPr/>
        </p:nvSpPr>
        <p:spPr>
          <a:xfrm>
            <a:off x="506868" y="4533900"/>
            <a:ext cx="1628775" cy="654503"/>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Tactical and Command College</a:t>
            </a:r>
          </a:p>
          <a:p>
            <a:pPr algn="ctr"/>
            <a:r>
              <a:rPr lang="en-US" sz="1050" dirty="0">
                <a:latin typeface="Segoe UI" panose="020B0502040204020203" pitchFamily="34" charset="0"/>
                <a:ea typeface="Segoe UI" panose="020B0502040204020203" pitchFamily="34" charset="0"/>
                <a:cs typeface="Segoe UI" panose="020B0502040204020203" pitchFamily="34" charset="0"/>
              </a:rPr>
              <a:t>(COL Pinches Joseph)</a:t>
            </a:r>
            <a:endParaRPr lang="he-IL" sz="1050" dirty="0">
              <a:latin typeface="Segoe UI" panose="020B0502040204020203" pitchFamily="34" charset="0"/>
              <a:ea typeface="Segoe UI" panose="020B0502040204020203" pitchFamily="34" charset="0"/>
            </a:endParaRPr>
          </a:p>
        </p:txBody>
      </p:sp>
      <p:sp>
        <p:nvSpPr>
          <p:cNvPr id="12" name="מלבן מעוגל 11"/>
          <p:cNvSpPr/>
          <p:nvPr/>
        </p:nvSpPr>
        <p:spPr>
          <a:xfrm>
            <a:off x="2951162" y="4524375"/>
            <a:ext cx="1595664" cy="665788"/>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Commander of “</a:t>
            </a:r>
            <a:r>
              <a:rPr lang="en-US" sz="1050" b="1" dirty="0" err="1">
                <a:latin typeface="Segoe UI" panose="020B0502040204020203" pitchFamily="34" charset="0"/>
                <a:ea typeface="Segoe UI" panose="020B0502040204020203" pitchFamily="34" charset="0"/>
                <a:cs typeface="Segoe UI" panose="020B0502040204020203" pitchFamily="34" charset="0"/>
              </a:rPr>
              <a:t>Alon</a:t>
            </a:r>
            <a:r>
              <a:rPr lang="en-US" sz="1050" b="1" dirty="0">
                <a:latin typeface="Segoe UI" panose="020B0502040204020203" pitchFamily="34" charset="0"/>
                <a:ea typeface="Segoe UI" panose="020B0502040204020203" pitchFamily="34" charset="0"/>
                <a:cs typeface="Segoe UI" panose="020B0502040204020203" pitchFamily="34" charset="0"/>
              </a:rPr>
              <a:t>” Course</a:t>
            </a:r>
          </a:p>
          <a:p>
            <a:pPr algn="ctr"/>
            <a:r>
              <a:rPr lang="en-US" sz="1050" dirty="0">
                <a:latin typeface="Segoe UI" panose="020B0502040204020203" pitchFamily="34" charset="0"/>
                <a:ea typeface="Segoe UI" panose="020B0502040204020203" pitchFamily="34" charset="0"/>
                <a:cs typeface="Segoe UI" panose="020B0502040204020203" pitchFamily="34" charset="0"/>
              </a:rPr>
              <a:t>(COL </a:t>
            </a:r>
            <a:r>
              <a:rPr lang="en-US" sz="1050" dirty="0" err="1" smtClean="0">
                <a:latin typeface="Segoe UI" panose="020B0502040204020203" pitchFamily="34" charset="0"/>
                <a:ea typeface="Segoe UI" panose="020B0502040204020203" pitchFamily="34" charset="0"/>
                <a:cs typeface="Segoe UI" panose="020B0502040204020203" pitchFamily="34" charset="0"/>
              </a:rPr>
              <a:t>Ohad</a:t>
            </a:r>
            <a:r>
              <a:rPr lang="en-US" sz="1050" dirty="0" smtClean="0">
                <a:latin typeface="Segoe UI" panose="020B0502040204020203" pitchFamily="34" charset="0"/>
                <a:ea typeface="Segoe UI" panose="020B0502040204020203" pitchFamily="34" charset="0"/>
                <a:cs typeface="Segoe UI" panose="020B0502040204020203" pitchFamily="34" charset="0"/>
              </a:rPr>
              <a:t> Najma)</a:t>
            </a:r>
            <a:endParaRPr lang="he-IL" sz="1050" dirty="0">
              <a:latin typeface="Segoe UI" panose="020B0502040204020203" pitchFamily="34" charset="0"/>
              <a:ea typeface="Segoe UI" panose="020B0502040204020203" pitchFamily="34" charset="0"/>
            </a:endParaRPr>
          </a:p>
        </p:txBody>
      </p:sp>
      <p:sp>
        <p:nvSpPr>
          <p:cNvPr id="13" name="מלבן מעוגל 12"/>
          <p:cNvSpPr/>
          <p:nvPr/>
        </p:nvSpPr>
        <p:spPr>
          <a:xfrm>
            <a:off x="5168897" y="4514850"/>
            <a:ext cx="1609497" cy="665788"/>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Commander of “</a:t>
            </a:r>
            <a:r>
              <a:rPr lang="en-US" sz="1050" b="1" dirty="0" err="1">
                <a:latin typeface="Segoe UI" panose="020B0502040204020203" pitchFamily="34" charset="0"/>
                <a:ea typeface="Segoe UI" panose="020B0502040204020203" pitchFamily="34" charset="0"/>
                <a:cs typeface="Segoe UI" panose="020B0502040204020203" pitchFamily="34" charset="0"/>
              </a:rPr>
              <a:t>Afek</a:t>
            </a:r>
            <a:r>
              <a:rPr lang="en-US" sz="1050" b="1" dirty="0">
                <a:latin typeface="Segoe UI" panose="020B0502040204020203" pitchFamily="34" charset="0"/>
                <a:ea typeface="Segoe UI" panose="020B0502040204020203" pitchFamily="34" charset="0"/>
                <a:cs typeface="Segoe UI" panose="020B0502040204020203" pitchFamily="34" charset="0"/>
              </a:rPr>
              <a:t>” Course</a:t>
            </a:r>
          </a:p>
          <a:p>
            <a:pPr algn="ctr"/>
            <a:r>
              <a:rPr lang="en-US" sz="1050" dirty="0">
                <a:latin typeface="Segoe UI" panose="020B0502040204020203" pitchFamily="34" charset="0"/>
                <a:ea typeface="Segoe UI" panose="020B0502040204020203" pitchFamily="34" charset="0"/>
                <a:cs typeface="Segoe UI" panose="020B0502040204020203" pitchFamily="34" charset="0"/>
              </a:rPr>
              <a:t>(COL </a:t>
            </a:r>
            <a:r>
              <a:rPr lang="en-US" sz="1050" dirty="0" err="1" smtClean="0">
                <a:latin typeface="Segoe UI" panose="020B0502040204020203" pitchFamily="34" charset="0"/>
                <a:ea typeface="Segoe UI" panose="020B0502040204020203" pitchFamily="34" charset="0"/>
                <a:cs typeface="Segoe UI" panose="020B0502040204020203" pitchFamily="34" charset="0"/>
              </a:rPr>
              <a:t>Yair</a:t>
            </a:r>
            <a:r>
              <a:rPr lang="en-US" sz="1050" dirty="0" smtClean="0">
                <a:latin typeface="Segoe UI" panose="020B0502040204020203" pitchFamily="34" charset="0"/>
                <a:ea typeface="Segoe UI" panose="020B0502040204020203" pitchFamily="34" charset="0"/>
                <a:cs typeface="Segoe UI" panose="020B0502040204020203" pitchFamily="34" charset="0"/>
              </a:rPr>
              <a:t> Barak)</a:t>
            </a:r>
            <a:endParaRPr lang="he-IL" sz="1050" dirty="0">
              <a:latin typeface="Segoe UI" panose="020B0502040204020203" pitchFamily="34" charset="0"/>
              <a:ea typeface="Segoe UI" panose="020B0502040204020203" pitchFamily="34" charset="0"/>
            </a:endParaRPr>
          </a:p>
        </p:txBody>
      </p:sp>
      <p:sp>
        <p:nvSpPr>
          <p:cNvPr id="14" name="מלבן מעוגל 13"/>
          <p:cNvSpPr/>
          <p:nvPr/>
        </p:nvSpPr>
        <p:spPr>
          <a:xfrm>
            <a:off x="7243081" y="4524375"/>
            <a:ext cx="1833563" cy="654503"/>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Commander of the Operational Course for NCO</a:t>
            </a:r>
          </a:p>
          <a:p>
            <a:pPr algn="ctr"/>
            <a:r>
              <a:rPr lang="en-US" sz="1050" dirty="0">
                <a:latin typeface="Segoe UI" panose="020B0502040204020203" pitchFamily="34" charset="0"/>
                <a:ea typeface="Segoe UI" panose="020B0502040204020203" pitchFamily="34" charset="0"/>
                <a:cs typeface="Segoe UI" panose="020B0502040204020203" pitchFamily="34" charset="0"/>
              </a:rPr>
              <a:t>(LTC </a:t>
            </a:r>
            <a:r>
              <a:rPr lang="en-US" sz="1050" dirty="0" err="1">
                <a:latin typeface="Segoe UI" panose="020B0502040204020203" pitchFamily="34" charset="0"/>
                <a:ea typeface="Segoe UI" panose="020B0502040204020203" pitchFamily="34" charset="0"/>
                <a:cs typeface="Segoe UI" panose="020B0502040204020203" pitchFamily="34" charset="0"/>
              </a:rPr>
              <a:t>Ohad</a:t>
            </a:r>
            <a:r>
              <a:rPr lang="en-US" sz="1050" dirty="0">
                <a:latin typeface="Segoe UI" panose="020B0502040204020203" pitchFamily="34" charset="0"/>
                <a:ea typeface="Segoe UI" panose="020B0502040204020203" pitchFamily="34" charset="0"/>
                <a:cs typeface="Segoe UI" panose="020B0502040204020203" pitchFamily="34" charset="0"/>
              </a:rPr>
              <a:t> </a:t>
            </a:r>
            <a:r>
              <a:rPr lang="en-US" sz="1050" dirty="0" err="1">
                <a:latin typeface="Segoe UI" panose="020B0502040204020203" pitchFamily="34" charset="0"/>
                <a:ea typeface="Segoe UI" panose="020B0502040204020203" pitchFamily="34" charset="0"/>
                <a:cs typeface="Segoe UI" panose="020B0502040204020203" pitchFamily="34" charset="0"/>
              </a:rPr>
              <a:t>Noyman</a:t>
            </a:r>
            <a:r>
              <a:rPr lang="en-US" sz="1050" dirty="0">
                <a:latin typeface="Segoe UI" panose="020B0502040204020203" pitchFamily="34" charset="0"/>
                <a:ea typeface="Segoe UI" panose="020B0502040204020203" pitchFamily="34" charset="0"/>
                <a:cs typeface="Segoe UI" panose="020B0502040204020203" pitchFamily="34" charset="0"/>
              </a:rPr>
              <a:t>)</a:t>
            </a:r>
            <a:endParaRPr lang="he-IL" sz="1050" dirty="0">
              <a:latin typeface="Segoe UI" panose="020B0502040204020203" pitchFamily="34" charset="0"/>
              <a:ea typeface="Segoe UI" panose="020B0502040204020203" pitchFamily="34" charset="0"/>
            </a:endParaRPr>
          </a:p>
        </p:txBody>
      </p:sp>
      <p:sp>
        <p:nvSpPr>
          <p:cNvPr id="15" name="מלבן מעוגל 14"/>
          <p:cNvSpPr/>
          <p:nvPr/>
        </p:nvSpPr>
        <p:spPr>
          <a:xfrm>
            <a:off x="1467534" y="5276850"/>
            <a:ext cx="2152650" cy="609365"/>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Head of the </a:t>
            </a:r>
          </a:p>
          <a:p>
            <a:pPr algn="ctr"/>
            <a:r>
              <a:rPr lang="en-US" sz="1050" b="1" dirty="0">
                <a:latin typeface="Segoe UI" panose="020B0502040204020203" pitchFamily="34" charset="0"/>
                <a:ea typeface="Segoe UI" panose="020B0502040204020203" pitchFamily="34" charset="0"/>
                <a:cs typeface="Segoe UI" panose="020B0502040204020203" pitchFamily="34" charset="0"/>
              </a:rPr>
              <a:t>Instruction Branch</a:t>
            </a:r>
            <a:endParaRPr lang="he-IL" sz="1050" b="1" dirty="0">
              <a:latin typeface="Segoe UI" panose="020B0502040204020203" pitchFamily="34" charset="0"/>
              <a:ea typeface="Segoe UI" panose="020B0502040204020203" pitchFamily="34" charset="0"/>
            </a:endParaRPr>
          </a:p>
        </p:txBody>
      </p:sp>
      <p:sp>
        <p:nvSpPr>
          <p:cNvPr id="17" name="מלבן מעוגל 16"/>
          <p:cNvSpPr/>
          <p:nvPr/>
        </p:nvSpPr>
        <p:spPr>
          <a:xfrm>
            <a:off x="6176963" y="5288757"/>
            <a:ext cx="1885950" cy="617828"/>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Head of Research </a:t>
            </a:r>
          </a:p>
          <a:p>
            <a:pPr algn="ctr"/>
            <a:r>
              <a:rPr lang="en-US" sz="1050" b="1" dirty="0">
                <a:latin typeface="Segoe UI" panose="020B0502040204020203" pitchFamily="34" charset="0"/>
                <a:ea typeface="Segoe UI" panose="020B0502040204020203" pitchFamily="34" charset="0"/>
                <a:cs typeface="Segoe UI" panose="020B0502040204020203" pitchFamily="34" charset="0"/>
              </a:rPr>
              <a:t>And Development</a:t>
            </a:r>
            <a:endParaRPr lang="he-IL" sz="1050" b="1" dirty="0">
              <a:latin typeface="Segoe UI" panose="020B0502040204020203" pitchFamily="34" charset="0"/>
              <a:ea typeface="Segoe UI" panose="020B0502040204020203" pitchFamily="34" charset="0"/>
            </a:endParaRPr>
          </a:p>
        </p:txBody>
      </p:sp>
      <p:cxnSp>
        <p:nvCxnSpPr>
          <p:cNvPr id="22" name="מחבר ישר 21"/>
          <p:cNvCxnSpPr/>
          <p:nvPr/>
        </p:nvCxnSpPr>
        <p:spPr>
          <a:xfrm>
            <a:off x="1248625" y="2617539"/>
            <a:ext cx="7059386" cy="38213"/>
          </a:xfrm>
          <a:prstGeom prst="line">
            <a:avLst/>
          </a:prstGeom>
        </p:spPr>
        <p:style>
          <a:lnRef idx="1">
            <a:schemeClr val="dk1"/>
          </a:lnRef>
          <a:fillRef idx="0">
            <a:schemeClr val="dk1"/>
          </a:fillRef>
          <a:effectRef idx="0">
            <a:schemeClr val="dk1"/>
          </a:effectRef>
          <a:fontRef idx="minor">
            <a:schemeClr val="tx1"/>
          </a:fontRef>
        </p:style>
      </p:cxnSp>
      <p:cxnSp>
        <p:nvCxnSpPr>
          <p:cNvPr id="26" name="מחבר ישר 25"/>
          <p:cNvCxnSpPr/>
          <p:nvPr/>
        </p:nvCxnSpPr>
        <p:spPr>
          <a:xfrm>
            <a:off x="1248626" y="3394875"/>
            <a:ext cx="0" cy="265118"/>
          </a:xfrm>
          <a:prstGeom prst="line">
            <a:avLst/>
          </a:prstGeom>
        </p:spPr>
        <p:style>
          <a:lnRef idx="1">
            <a:schemeClr val="dk1"/>
          </a:lnRef>
          <a:fillRef idx="0">
            <a:schemeClr val="dk1"/>
          </a:fillRef>
          <a:effectRef idx="0">
            <a:schemeClr val="dk1"/>
          </a:effectRef>
          <a:fontRef idx="minor">
            <a:schemeClr val="tx1"/>
          </a:fontRef>
        </p:style>
      </p:cxnSp>
      <p:cxnSp>
        <p:nvCxnSpPr>
          <p:cNvPr id="28" name="מחבר ישר 27"/>
          <p:cNvCxnSpPr/>
          <p:nvPr/>
        </p:nvCxnSpPr>
        <p:spPr>
          <a:xfrm flipV="1">
            <a:off x="1321256" y="4362789"/>
            <a:ext cx="0" cy="152062"/>
          </a:xfrm>
          <a:prstGeom prst="line">
            <a:avLst/>
          </a:prstGeom>
        </p:spPr>
        <p:style>
          <a:lnRef idx="1">
            <a:schemeClr val="dk1"/>
          </a:lnRef>
          <a:fillRef idx="0">
            <a:schemeClr val="dk1"/>
          </a:fillRef>
          <a:effectRef idx="0">
            <a:schemeClr val="dk1"/>
          </a:effectRef>
          <a:fontRef idx="minor">
            <a:schemeClr val="tx1"/>
          </a:fontRef>
        </p:style>
      </p:cxnSp>
      <p:cxnSp>
        <p:nvCxnSpPr>
          <p:cNvPr id="30" name="מחבר ישר 29"/>
          <p:cNvCxnSpPr/>
          <p:nvPr/>
        </p:nvCxnSpPr>
        <p:spPr>
          <a:xfrm>
            <a:off x="1321256" y="4362789"/>
            <a:ext cx="6838607" cy="0"/>
          </a:xfrm>
          <a:prstGeom prst="line">
            <a:avLst/>
          </a:prstGeom>
        </p:spPr>
        <p:style>
          <a:lnRef idx="1">
            <a:schemeClr val="dk1"/>
          </a:lnRef>
          <a:fillRef idx="0">
            <a:schemeClr val="dk1"/>
          </a:fillRef>
          <a:effectRef idx="0">
            <a:schemeClr val="dk1"/>
          </a:effectRef>
          <a:fontRef idx="minor">
            <a:schemeClr val="tx1"/>
          </a:fontRef>
        </p:style>
      </p:cxnSp>
      <p:cxnSp>
        <p:nvCxnSpPr>
          <p:cNvPr id="32" name="מחבר ישר 31"/>
          <p:cNvCxnSpPr/>
          <p:nvPr/>
        </p:nvCxnSpPr>
        <p:spPr>
          <a:xfrm>
            <a:off x="5967938" y="4362790"/>
            <a:ext cx="0" cy="129098"/>
          </a:xfrm>
          <a:prstGeom prst="line">
            <a:avLst/>
          </a:prstGeom>
        </p:spPr>
        <p:style>
          <a:lnRef idx="1">
            <a:schemeClr val="dk1"/>
          </a:lnRef>
          <a:fillRef idx="0">
            <a:schemeClr val="dk1"/>
          </a:fillRef>
          <a:effectRef idx="0">
            <a:schemeClr val="dk1"/>
          </a:effectRef>
          <a:fontRef idx="minor">
            <a:schemeClr val="tx1"/>
          </a:fontRef>
        </p:style>
      </p:cxnSp>
      <p:pic>
        <p:nvPicPr>
          <p:cNvPr id="21" name="תמונה 20"/>
          <p:cNvPicPr>
            <a:picLocks noChangeAspect="1"/>
          </p:cNvPicPr>
          <p:nvPr/>
        </p:nvPicPr>
        <p:blipFill>
          <a:blip r:embed="rId2">
            <a:extLst>
              <a:ext uri="{28A0092B-C50C-407E-A947-70E740481C1C}">
                <a14:useLocalDpi xmlns:a14="http://schemas.microsoft.com/office/drawing/2010/main" val="0"/>
              </a:ext>
            </a:extLst>
          </a:blip>
          <a:stretch>
            <a:fillRect/>
          </a:stretch>
        </p:blipFill>
        <p:spPr>
          <a:xfrm>
            <a:off x="225655" y="2910943"/>
            <a:ext cx="514286" cy="699193"/>
          </a:xfrm>
          <a:prstGeom prst="rect">
            <a:avLst/>
          </a:prstGeom>
        </p:spPr>
      </p:pic>
      <p:cxnSp>
        <p:nvCxnSpPr>
          <p:cNvPr id="29" name="מחבר ישר 28"/>
          <p:cNvCxnSpPr>
            <a:stCxn id="4" idx="2"/>
          </p:cNvCxnSpPr>
          <p:nvPr/>
        </p:nvCxnSpPr>
        <p:spPr>
          <a:xfrm>
            <a:off x="4667250" y="2349048"/>
            <a:ext cx="0" cy="293247"/>
          </a:xfrm>
          <a:prstGeom prst="line">
            <a:avLst/>
          </a:prstGeom>
        </p:spPr>
        <p:style>
          <a:lnRef idx="1">
            <a:schemeClr val="dk1"/>
          </a:lnRef>
          <a:fillRef idx="0">
            <a:schemeClr val="dk1"/>
          </a:fillRef>
          <a:effectRef idx="0">
            <a:schemeClr val="dk1"/>
          </a:effectRef>
          <a:fontRef idx="minor">
            <a:schemeClr val="tx1"/>
          </a:fontRef>
        </p:style>
      </p:cxnSp>
      <p:cxnSp>
        <p:nvCxnSpPr>
          <p:cNvPr id="47" name="מחבר ישר 46"/>
          <p:cNvCxnSpPr/>
          <p:nvPr/>
        </p:nvCxnSpPr>
        <p:spPr>
          <a:xfrm>
            <a:off x="8160655" y="4362789"/>
            <a:ext cx="0" cy="152061"/>
          </a:xfrm>
          <a:prstGeom prst="line">
            <a:avLst/>
          </a:prstGeom>
        </p:spPr>
        <p:style>
          <a:lnRef idx="1">
            <a:schemeClr val="dk1"/>
          </a:lnRef>
          <a:fillRef idx="0">
            <a:schemeClr val="dk1"/>
          </a:fillRef>
          <a:effectRef idx="0">
            <a:schemeClr val="dk1"/>
          </a:effectRef>
          <a:fontRef idx="minor">
            <a:schemeClr val="tx1"/>
          </a:fontRef>
        </p:style>
      </p:cxnSp>
      <p:cxnSp>
        <p:nvCxnSpPr>
          <p:cNvPr id="53" name="מחבר ישר 52"/>
          <p:cNvCxnSpPr/>
          <p:nvPr/>
        </p:nvCxnSpPr>
        <p:spPr>
          <a:xfrm>
            <a:off x="3654730" y="4368234"/>
            <a:ext cx="0" cy="129098"/>
          </a:xfrm>
          <a:prstGeom prst="line">
            <a:avLst/>
          </a:prstGeom>
        </p:spPr>
        <p:style>
          <a:lnRef idx="1">
            <a:schemeClr val="dk1"/>
          </a:lnRef>
          <a:fillRef idx="0">
            <a:schemeClr val="dk1"/>
          </a:fillRef>
          <a:effectRef idx="0">
            <a:schemeClr val="dk1"/>
          </a:effectRef>
          <a:fontRef idx="minor">
            <a:schemeClr val="tx1"/>
          </a:fontRef>
        </p:style>
      </p:cxnSp>
      <p:pic>
        <p:nvPicPr>
          <p:cNvPr id="62" name="תמונה 61"/>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91697" t="52289" r="852" b="34799"/>
          <a:stretch/>
        </p:blipFill>
        <p:spPr>
          <a:xfrm>
            <a:off x="51487" y="4533899"/>
            <a:ext cx="598031" cy="742950"/>
          </a:xfrm>
          <a:prstGeom prst="rect">
            <a:avLst/>
          </a:prstGeom>
        </p:spPr>
      </p:pic>
      <p:pic>
        <p:nvPicPr>
          <p:cNvPr id="65" name="תמונה 64"/>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53647" t="51350" r="39060" b="33860"/>
          <a:stretch/>
        </p:blipFill>
        <p:spPr>
          <a:xfrm>
            <a:off x="6916555" y="4438820"/>
            <a:ext cx="500743" cy="777817"/>
          </a:xfrm>
          <a:prstGeom prst="rect">
            <a:avLst/>
          </a:prstGeom>
        </p:spPr>
      </p:pic>
      <p:pic>
        <p:nvPicPr>
          <p:cNvPr id="68" name="תמונה 67"/>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92965" t="26700" r="1168" b="57806"/>
          <a:stretch/>
        </p:blipFill>
        <p:spPr>
          <a:xfrm>
            <a:off x="2554109" y="4438819"/>
            <a:ext cx="547255" cy="916652"/>
          </a:xfrm>
          <a:prstGeom prst="rect">
            <a:avLst/>
          </a:prstGeom>
        </p:spPr>
      </p:pic>
      <p:pic>
        <p:nvPicPr>
          <p:cNvPr id="72" name="תמונה 71"/>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53805" t="27170" r="38743" b="58979"/>
          <a:stretch/>
        </p:blipFill>
        <p:spPr>
          <a:xfrm>
            <a:off x="4863620" y="4427338"/>
            <a:ext cx="511628" cy="751540"/>
          </a:xfrm>
          <a:prstGeom prst="rect">
            <a:avLst/>
          </a:prstGeom>
        </p:spPr>
      </p:pic>
      <p:sp>
        <p:nvSpPr>
          <p:cNvPr id="37" name="מלבן מעוגל 36"/>
          <p:cNvSpPr/>
          <p:nvPr/>
        </p:nvSpPr>
        <p:spPr>
          <a:xfrm>
            <a:off x="7631736" y="2910943"/>
            <a:ext cx="1352550" cy="486376"/>
          </a:xfrm>
          <a:prstGeom prst="roundRect">
            <a:avLst/>
          </a:prstGeom>
        </p:spPr>
        <p:style>
          <a:lnRef idx="1">
            <a:schemeClr val="accent6"/>
          </a:lnRef>
          <a:fillRef idx="2">
            <a:schemeClr val="accent6"/>
          </a:fillRef>
          <a:effectRef idx="1">
            <a:schemeClr val="accent6"/>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Brigadier Generals Course</a:t>
            </a:r>
            <a:endParaRPr lang="he-IL" sz="1050" b="1" dirty="0">
              <a:latin typeface="Segoe UI" panose="020B0502040204020203" pitchFamily="34" charset="0"/>
              <a:ea typeface="Segoe UI" panose="020B0502040204020203" pitchFamily="34" charset="0"/>
            </a:endParaRPr>
          </a:p>
        </p:txBody>
      </p:sp>
      <p:pic>
        <p:nvPicPr>
          <p:cNvPr id="33" name="תמונה 32"/>
          <p:cNvPicPr>
            <a:picLocks noChangeAspect="1"/>
          </p:cNvPicPr>
          <p:nvPr/>
        </p:nvPicPr>
        <p:blipFill rotWithShape="1">
          <a:blip r:embed="rId3">
            <a:clrChange>
              <a:clrFrom>
                <a:srgbClr val="DEEBF7"/>
              </a:clrFrom>
              <a:clrTo>
                <a:srgbClr val="DEEBF7">
                  <a:alpha val="0"/>
                </a:srgbClr>
              </a:clrTo>
            </a:clrChange>
            <a:extLst>
              <a:ext uri="{28A0092B-C50C-407E-A947-70E740481C1C}">
                <a14:useLocalDpi xmlns:a14="http://schemas.microsoft.com/office/drawing/2010/main" val="0"/>
              </a:ext>
            </a:extLst>
          </a:blip>
          <a:srcRect l="92366" t="5781" r="2118" b="81871"/>
          <a:stretch/>
        </p:blipFill>
        <p:spPr>
          <a:xfrm>
            <a:off x="7243082" y="2910943"/>
            <a:ext cx="462499" cy="699192"/>
          </a:xfrm>
          <a:prstGeom prst="rect">
            <a:avLst/>
          </a:prstGeom>
        </p:spPr>
      </p:pic>
      <p:sp>
        <p:nvSpPr>
          <p:cNvPr id="38" name="מלבן מעוגל 37"/>
          <p:cNvSpPr/>
          <p:nvPr/>
        </p:nvSpPr>
        <p:spPr>
          <a:xfrm>
            <a:off x="5456719" y="3622061"/>
            <a:ext cx="1924050" cy="615008"/>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b="1" dirty="0">
                <a:latin typeface="Segoe UI" panose="020B0502040204020203" pitchFamily="34" charset="0"/>
                <a:ea typeface="Segoe UI" panose="020B0502040204020203" pitchFamily="34" charset="0"/>
                <a:cs typeface="Segoe UI" panose="020B0502040204020203" pitchFamily="34" charset="0"/>
              </a:rPr>
              <a:t>“</a:t>
            </a:r>
            <a:r>
              <a:rPr lang="en-US" sz="1050" b="1" dirty="0" err="1">
                <a:latin typeface="Segoe UI" panose="020B0502040204020203" pitchFamily="34" charset="0"/>
                <a:ea typeface="Segoe UI" panose="020B0502040204020203" pitchFamily="34" charset="0"/>
                <a:cs typeface="Segoe UI" panose="020B0502040204020203" pitchFamily="34" charset="0"/>
              </a:rPr>
              <a:t>Maarachot</a:t>
            </a:r>
            <a:r>
              <a:rPr lang="en-US" sz="1050" b="1" dirty="0">
                <a:latin typeface="Segoe UI" panose="020B0502040204020203" pitchFamily="34" charset="0"/>
                <a:ea typeface="Segoe UI" panose="020B0502040204020203" pitchFamily="34" charset="0"/>
                <a:cs typeface="Segoe UI" panose="020B0502040204020203" pitchFamily="34" charset="0"/>
              </a:rPr>
              <a:t>” Publishing</a:t>
            </a:r>
            <a:endParaRPr lang="he-IL" sz="1050" b="1" dirty="0">
              <a:latin typeface="Segoe UI" panose="020B0502040204020203" pitchFamily="34" charset="0"/>
              <a:ea typeface="Segoe UI" panose="020B0502040204020203" pitchFamily="34" charset="0"/>
            </a:endParaRPr>
          </a:p>
        </p:txBody>
      </p:sp>
      <p:cxnSp>
        <p:nvCxnSpPr>
          <p:cNvPr id="40" name="מחבר ישר 39"/>
          <p:cNvCxnSpPr/>
          <p:nvPr/>
        </p:nvCxnSpPr>
        <p:spPr>
          <a:xfrm>
            <a:off x="4740559" y="4358887"/>
            <a:ext cx="0" cy="977714"/>
          </a:xfrm>
          <a:prstGeom prst="line">
            <a:avLst/>
          </a:prstGeom>
        </p:spPr>
        <p:style>
          <a:lnRef idx="1">
            <a:schemeClr val="dk1"/>
          </a:lnRef>
          <a:fillRef idx="0">
            <a:schemeClr val="dk1"/>
          </a:fillRef>
          <a:effectRef idx="0">
            <a:schemeClr val="dk1"/>
          </a:effectRef>
          <a:fontRef idx="minor">
            <a:schemeClr val="tx1"/>
          </a:fontRef>
        </p:style>
      </p:cxnSp>
      <p:sp>
        <p:nvSpPr>
          <p:cNvPr id="16" name="מלבן מעוגל 15"/>
          <p:cNvSpPr/>
          <p:nvPr/>
        </p:nvSpPr>
        <p:spPr>
          <a:xfrm>
            <a:off x="3985533" y="5281612"/>
            <a:ext cx="1924050" cy="615008"/>
          </a:xfrm>
          <a:prstGeom prst="roundRect">
            <a:avLst/>
          </a:prstGeom>
        </p:spPr>
        <p:style>
          <a:lnRef idx="1">
            <a:schemeClr val="accent4"/>
          </a:lnRef>
          <a:fillRef idx="2">
            <a:schemeClr val="accent4"/>
          </a:fillRef>
          <a:effectRef idx="1">
            <a:schemeClr val="accent4"/>
          </a:effectRef>
          <a:fontRef idx="minor">
            <a:schemeClr val="dk1"/>
          </a:fontRef>
        </p:style>
        <p:txBody>
          <a:bodyPr rtlCol="1" anchor="ctr"/>
          <a:lstStyle/>
          <a:p>
            <a:pPr algn="ctr"/>
            <a:r>
              <a:rPr lang="en-US" sz="1050" b="1" dirty="0" smtClean="0">
                <a:latin typeface="Segoe UI" panose="020B0502040204020203" pitchFamily="34" charset="0"/>
                <a:ea typeface="Segoe UI" panose="020B0502040204020203" pitchFamily="34" charset="0"/>
              </a:rPr>
              <a:t>Head of Logistic Branch</a:t>
            </a:r>
            <a:endParaRPr lang="he-IL" sz="1050" b="1" dirty="0">
              <a:latin typeface="Segoe UI" panose="020B0502040204020203" pitchFamily="34" charset="0"/>
              <a:ea typeface="Segoe UI" panose="020B0502040204020203" pitchFamily="34" charset="0"/>
            </a:endParaRPr>
          </a:p>
        </p:txBody>
      </p:sp>
    </p:spTree>
    <p:extLst>
      <p:ext uri="{BB962C8B-B14F-4D97-AF65-F5344CB8AC3E}">
        <p14:creationId xmlns:p14="http://schemas.microsoft.com/office/powerpoint/2010/main" val="2906737587"/>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graphicFrame>
        <p:nvGraphicFramePr>
          <p:cNvPr id="5" name="טבלה 4"/>
          <p:cNvGraphicFramePr>
            <a:graphicFrameLocks noGrp="1"/>
          </p:cNvGraphicFramePr>
          <p:nvPr>
            <p:extLst>
              <p:ext uri="{D42A27DB-BD31-4B8C-83A1-F6EECF244321}">
                <p14:modId xmlns:p14="http://schemas.microsoft.com/office/powerpoint/2010/main" val="2368047115"/>
              </p:ext>
            </p:extLst>
          </p:nvPr>
        </p:nvGraphicFramePr>
        <p:xfrm>
          <a:off x="1" y="1298121"/>
          <a:ext cx="9143999" cy="5048251"/>
        </p:xfrm>
        <a:graphic>
          <a:graphicData uri="http://schemas.openxmlformats.org/drawingml/2006/table">
            <a:tbl>
              <a:tblPr rtl="1" firstRow="1" bandRow="1">
                <a:tableStyleId>{5C22544A-7EE6-4342-B048-85BDC9FD1C3A}</a:tableStyleId>
              </a:tblPr>
              <a:tblGrid>
                <a:gridCol w="3838575"/>
                <a:gridCol w="1876423"/>
                <a:gridCol w="1323976"/>
                <a:gridCol w="1038224"/>
                <a:gridCol w="1066801"/>
              </a:tblGrid>
              <a:tr h="534871">
                <a:tc>
                  <a:txBody>
                    <a:bodyPr/>
                    <a:lstStyle/>
                    <a:p>
                      <a:pPr algn="ctr" rtl="0"/>
                      <a:r>
                        <a:rPr lang="en-US" sz="1600" dirty="0" smtClean="0"/>
                        <a:t>General Information</a:t>
                      </a:r>
                      <a:endParaRPr lang="he-IL" sz="1600" dirty="0"/>
                    </a:p>
                  </a:txBody>
                  <a:tcPr/>
                </a:tc>
                <a:tc>
                  <a:txBody>
                    <a:bodyPr/>
                    <a:lstStyle/>
                    <a:p>
                      <a:pPr algn="ctr" rtl="1"/>
                      <a:r>
                        <a:rPr lang="en-US" sz="1600" dirty="0" smtClean="0"/>
                        <a:t>Product</a:t>
                      </a:r>
                      <a:endParaRPr lang="he-IL" sz="1600" dirty="0"/>
                    </a:p>
                  </a:txBody>
                  <a:tcPr/>
                </a:tc>
                <a:tc>
                  <a:txBody>
                    <a:bodyPr/>
                    <a:lstStyle/>
                    <a:p>
                      <a:pPr algn="ctr" rtl="1"/>
                      <a:r>
                        <a:rPr lang="en-US" sz="1600" dirty="0" smtClean="0"/>
                        <a:t>Duration</a:t>
                      </a:r>
                      <a:endParaRPr lang="he-IL" sz="1600" dirty="0"/>
                    </a:p>
                  </a:txBody>
                  <a:tcPr/>
                </a:tc>
                <a:tc>
                  <a:txBody>
                    <a:bodyPr/>
                    <a:lstStyle/>
                    <a:p>
                      <a:pPr algn="ctr" rtl="1"/>
                      <a:r>
                        <a:rPr lang="en-US" sz="1600" dirty="0" smtClean="0"/>
                        <a:t>Target Audience</a:t>
                      </a:r>
                      <a:endParaRPr lang="he-IL" sz="1600" dirty="0"/>
                    </a:p>
                  </a:txBody>
                  <a:tcPr/>
                </a:tc>
                <a:tc>
                  <a:txBody>
                    <a:bodyPr/>
                    <a:lstStyle/>
                    <a:p>
                      <a:pPr algn="ctr" rtl="0"/>
                      <a:r>
                        <a:rPr lang="en-US" sz="1600" dirty="0" smtClean="0"/>
                        <a:t>Course</a:t>
                      </a:r>
                      <a:endParaRPr lang="he-IL" sz="1600" dirty="0"/>
                    </a:p>
                  </a:txBody>
                  <a:tcPr/>
                </a:tc>
              </a:tr>
              <a:tr h="949396">
                <a:tc>
                  <a:txBody>
                    <a:bodyPr/>
                    <a:lstStyle/>
                    <a:p>
                      <a:pPr algn="just" rtl="0"/>
                      <a:r>
                        <a:rPr lang="en-US" sz="1200" dirty="0" smtClean="0"/>
                        <a:t>Brigadier Generals who take this course, as well as seniors</a:t>
                      </a:r>
                      <a:r>
                        <a:rPr lang="en-US" sz="1200" baseline="0" dirty="0" smtClean="0"/>
                        <a:t> from other sectors (such as the Israel Police, Minister of Foreign Affairs and Shin Bet)</a:t>
                      </a:r>
                      <a:r>
                        <a:rPr lang="en-US" sz="1200" dirty="0" smtClean="0"/>
                        <a:t> combine it together</a:t>
                      </a:r>
                      <a:r>
                        <a:rPr lang="en-US" sz="1200" baseline="0" dirty="0" smtClean="0"/>
                        <a:t> with their job routines.</a:t>
                      </a:r>
                      <a:endParaRPr lang="he-IL" sz="1200" dirty="0"/>
                    </a:p>
                  </a:txBody>
                  <a:tcPr/>
                </a:tc>
                <a:tc>
                  <a:txBody>
                    <a:bodyPr/>
                    <a:lstStyle/>
                    <a:p>
                      <a:pPr marL="0" marR="0" indent="0" algn="l" defTabSz="914400" rtl="0" eaLnBrk="1" fontAlgn="auto" latinLnBrk="0" hangingPunct="1">
                        <a:lnSpc>
                          <a:spcPct val="100000"/>
                        </a:lnSpc>
                        <a:spcBef>
                          <a:spcPts val="0"/>
                        </a:spcBef>
                        <a:spcAft>
                          <a:spcPts val="0"/>
                        </a:spcAft>
                        <a:buClrTx/>
                        <a:buSzTx/>
                        <a:buFont typeface="Arial" panose="020B0604020202020204" pitchFamily="34" charset="0"/>
                        <a:buNone/>
                        <a:tabLst/>
                        <a:defRPr/>
                      </a:pPr>
                      <a:r>
                        <a:rPr lang="en-US" sz="1200" dirty="0" smtClean="0"/>
                        <a:t>Brigadier Generals Course</a:t>
                      </a:r>
                      <a:r>
                        <a:rPr lang="en-US" sz="1200" baseline="0" dirty="0" smtClean="0"/>
                        <a:t> Certificate</a:t>
                      </a:r>
                      <a:endParaRPr lang="he-IL" sz="1200" dirty="0" smtClean="0"/>
                    </a:p>
                    <a:p>
                      <a:pPr marL="0" indent="0" algn="l" rtl="0">
                        <a:buFont typeface="Arial" panose="020B0604020202020204" pitchFamily="34" charset="0"/>
                        <a:buNone/>
                      </a:pPr>
                      <a:endParaRPr lang="he-IL" sz="12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baseline="0" dirty="0" smtClean="0"/>
                        <a:t>Once a Month for 2-3 Days, Throughout the Year</a:t>
                      </a:r>
                      <a:endParaRPr lang="he-IL" sz="1200" dirty="0" smtClean="0"/>
                    </a:p>
                    <a:p>
                      <a:pPr algn="ctr" rtl="0"/>
                      <a:endParaRPr lang="he-IL" sz="12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dirty="0" smtClean="0"/>
                        <a:t>Brigadier Generals</a:t>
                      </a:r>
                      <a:endParaRPr lang="he-IL" sz="1200" dirty="0" smtClean="0"/>
                    </a:p>
                    <a:p>
                      <a:pPr algn="ctr" rtl="0"/>
                      <a:endParaRPr lang="he-IL" sz="1200" dirty="0"/>
                    </a:p>
                  </a:txBody>
                  <a:tcPr/>
                </a:tc>
                <a:tc>
                  <a:txBody>
                    <a:bodyPr/>
                    <a:lstStyle/>
                    <a:p>
                      <a:pPr marL="0" marR="0" indent="0" algn="ctr" defTabSz="914400" rtl="0" eaLnBrk="1" fontAlgn="auto" latinLnBrk="0" hangingPunct="1">
                        <a:lnSpc>
                          <a:spcPct val="100000"/>
                        </a:lnSpc>
                        <a:spcBef>
                          <a:spcPts val="0"/>
                        </a:spcBef>
                        <a:spcAft>
                          <a:spcPts val="0"/>
                        </a:spcAft>
                        <a:buClrTx/>
                        <a:buSzTx/>
                        <a:buFontTx/>
                        <a:buNone/>
                        <a:tabLst/>
                        <a:defRPr/>
                      </a:pPr>
                      <a:r>
                        <a:rPr lang="en-US" sz="1200" b="1" dirty="0" smtClean="0"/>
                        <a:t>Brigadier Generals Course</a:t>
                      </a:r>
                      <a:endParaRPr lang="he-IL" sz="1200" b="1" dirty="0" smtClean="0"/>
                    </a:p>
                  </a:txBody>
                  <a:tcPr/>
                </a:tc>
              </a:tr>
              <a:tr h="1992395">
                <a:tc>
                  <a:txBody>
                    <a:bodyPr/>
                    <a:lstStyle/>
                    <a:p>
                      <a:pPr algn="just" rtl="0"/>
                      <a:r>
                        <a:rPr lang="en-US" sz="1200" dirty="0" smtClean="0"/>
                        <a:t>The</a:t>
                      </a:r>
                      <a:r>
                        <a:rPr lang="en-US" sz="1200" baseline="0" dirty="0" smtClean="0"/>
                        <a:t> INDC (Israel National Defense College) is an academic program oriented towards seniors from the military, and their equivalents in other sectors (such as the Israel Police, Minister of Foreign Affairs, Shin Bet and more). The diverse program provides a shift from a tactical perspective to a strategic one, and includes numerous tours within Israel and abroad. Each class incorporates senior officers from foreign militaries (who move to Israel for a whole year), allowing for an international and complex learning environment.  </a:t>
                      </a:r>
                      <a:endParaRPr lang="he-IL" sz="1200" dirty="0"/>
                    </a:p>
                  </a:txBody>
                  <a:tcPr/>
                </a:tc>
                <a:tc>
                  <a:txBody>
                    <a:bodyPr/>
                    <a:lstStyle/>
                    <a:p>
                      <a:pPr marL="285750" indent="-285750" algn="l" rtl="0">
                        <a:buFont typeface="Arial" panose="020B0604020202020204" pitchFamily="34" charset="0"/>
                        <a:buChar char="•"/>
                      </a:pPr>
                      <a:r>
                        <a:rPr lang="en-US" sz="1200" dirty="0" smtClean="0"/>
                        <a:t>M.A. in Political Science (National Security Studies)</a:t>
                      </a:r>
                      <a:r>
                        <a:rPr lang="en-US" sz="1200" baseline="0" dirty="0" smtClean="0"/>
                        <a:t> from Haifa University</a:t>
                      </a:r>
                    </a:p>
                    <a:p>
                      <a:pPr marL="285750" indent="-285750" algn="l" rtl="0">
                        <a:buFont typeface="Arial" panose="020B0604020202020204" pitchFamily="34" charset="0"/>
                        <a:buChar char="•"/>
                      </a:pPr>
                      <a:r>
                        <a:rPr lang="en-US" sz="1200" baseline="0" dirty="0" smtClean="0"/>
                        <a:t>INDC Graduation Certificate</a:t>
                      </a:r>
                      <a:endParaRPr lang="he-IL" sz="1200" dirty="0"/>
                    </a:p>
                  </a:txBody>
                  <a:tcPr/>
                </a:tc>
                <a:tc>
                  <a:txBody>
                    <a:bodyPr/>
                    <a:lstStyle/>
                    <a:p>
                      <a:pPr algn="ctr" rtl="0"/>
                      <a:r>
                        <a:rPr lang="en-US" sz="1200" dirty="0" smtClean="0"/>
                        <a:t>11 </a:t>
                      </a:r>
                      <a:r>
                        <a:rPr lang="en-US" sz="1200" baseline="0" dirty="0" smtClean="0"/>
                        <a:t>Months</a:t>
                      </a:r>
                      <a:endParaRPr lang="he-IL" sz="1200" dirty="0"/>
                    </a:p>
                  </a:txBody>
                  <a:tcPr/>
                </a:tc>
                <a:tc>
                  <a:txBody>
                    <a:bodyPr/>
                    <a:lstStyle/>
                    <a:p>
                      <a:pPr algn="ctr" rtl="0"/>
                      <a:r>
                        <a:rPr lang="en-US" sz="1200" dirty="0" smtClean="0"/>
                        <a:t>Colonels and their Equivalents in Foreign</a:t>
                      </a:r>
                      <a:r>
                        <a:rPr lang="en-US" sz="1200" baseline="0" dirty="0" smtClean="0"/>
                        <a:t> Militaries</a:t>
                      </a:r>
                      <a:endParaRPr lang="he-IL" sz="1200" dirty="0"/>
                    </a:p>
                  </a:txBody>
                  <a:tcPr/>
                </a:tc>
                <a:tc>
                  <a:txBody>
                    <a:bodyPr/>
                    <a:lstStyle/>
                    <a:p>
                      <a:pPr algn="ctr" rtl="0"/>
                      <a:r>
                        <a:rPr lang="en-US" sz="1200" b="1" dirty="0" smtClean="0"/>
                        <a:t>INDC</a:t>
                      </a:r>
                      <a:endParaRPr lang="he-IL" sz="1200" b="1" dirty="0"/>
                    </a:p>
                  </a:txBody>
                  <a:tcPr/>
                </a:tc>
              </a:tr>
              <a:tr h="1470896">
                <a:tc>
                  <a:txBody>
                    <a:bodyPr/>
                    <a:lstStyle/>
                    <a:p>
                      <a:pPr algn="just" rtl="0"/>
                      <a:r>
                        <a:rPr lang="en-US" sz="1200" dirty="0" smtClean="0"/>
                        <a:t>Students</a:t>
                      </a:r>
                      <a:r>
                        <a:rPr lang="en-US" sz="1200" baseline="0" dirty="0" smtClean="0"/>
                        <a:t> who begin the </a:t>
                      </a:r>
                      <a:r>
                        <a:rPr lang="en-US" sz="1200" baseline="0" dirty="0" err="1" smtClean="0"/>
                        <a:t>Afek</a:t>
                      </a:r>
                      <a:r>
                        <a:rPr lang="en-US" sz="1200" baseline="0" dirty="0" smtClean="0"/>
                        <a:t> Course come from senior positions in the General Staff. The main purpose of the course is to broaden their point of view and provide a more complete picture of the IDF and its structure. This includes exposure to the world of combat and to strategic considerations in that regard. Furthermore, the course attempts to strengthen leadership and command abilities.  </a:t>
                      </a:r>
                      <a:endParaRPr lang="he-IL" sz="1200" dirty="0"/>
                    </a:p>
                  </a:txBody>
                  <a:tcPr/>
                </a:tc>
                <a:tc>
                  <a:txBody>
                    <a:bodyPr/>
                    <a:lstStyle/>
                    <a:p>
                      <a:pPr algn="l" rtl="0"/>
                      <a:r>
                        <a:rPr lang="en-US" sz="1200" dirty="0" err="1" smtClean="0"/>
                        <a:t>Afek</a:t>
                      </a:r>
                      <a:r>
                        <a:rPr lang="en-US" sz="1200" dirty="0" smtClean="0"/>
                        <a:t> Course Graduation Certificate</a:t>
                      </a:r>
                      <a:endParaRPr lang="he-IL" sz="1200" dirty="0"/>
                    </a:p>
                  </a:txBody>
                  <a:tcPr/>
                </a:tc>
                <a:tc>
                  <a:txBody>
                    <a:bodyPr/>
                    <a:lstStyle/>
                    <a:p>
                      <a:pPr algn="ctr" rtl="0"/>
                      <a:r>
                        <a:rPr lang="en-US" sz="1200" dirty="0" smtClean="0"/>
                        <a:t>4 Months (3 Cycles per Year)</a:t>
                      </a:r>
                      <a:endParaRPr lang="he-IL" sz="1200" dirty="0"/>
                    </a:p>
                  </a:txBody>
                  <a:tcPr/>
                </a:tc>
                <a:tc>
                  <a:txBody>
                    <a:bodyPr/>
                    <a:lstStyle/>
                    <a:p>
                      <a:pPr algn="ctr" rtl="0"/>
                      <a:r>
                        <a:rPr lang="en-US" sz="1200" dirty="0" smtClean="0"/>
                        <a:t>Majors (from the General Staff)</a:t>
                      </a:r>
                      <a:endParaRPr lang="he-IL" sz="1200" dirty="0"/>
                    </a:p>
                  </a:txBody>
                  <a:tcPr/>
                </a:tc>
                <a:tc>
                  <a:txBody>
                    <a:bodyPr/>
                    <a:lstStyle/>
                    <a:p>
                      <a:pPr algn="ctr" rtl="0"/>
                      <a:r>
                        <a:rPr lang="en-US" sz="1200" dirty="0" smtClean="0"/>
                        <a:t>Command and Staff College: </a:t>
                      </a:r>
                    </a:p>
                    <a:p>
                      <a:pPr algn="ctr" rtl="0"/>
                      <a:r>
                        <a:rPr lang="en-US" sz="1200" b="1" dirty="0" err="1" smtClean="0"/>
                        <a:t>Afek</a:t>
                      </a:r>
                      <a:r>
                        <a:rPr lang="en-US" sz="1200" b="1" dirty="0" smtClean="0"/>
                        <a:t> Course</a:t>
                      </a:r>
                      <a:endParaRPr lang="he-IL" sz="1200" b="1" dirty="0"/>
                    </a:p>
                  </a:txBody>
                  <a:tcPr/>
                </a:tc>
              </a:tr>
            </a:tbl>
          </a:graphicData>
        </a:graphic>
      </p:graphicFrame>
    </p:spTree>
    <p:extLst>
      <p:ext uri="{BB962C8B-B14F-4D97-AF65-F5344CB8AC3E}">
        <p14:creationId xmlns:p14="http://schemas.microsoft.com/office/powerpoint/2010/main" val="144569997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3" name="מציין מיקום תוכן 2"/>
          <p:cNvSpPr>
            <a:spLocks noGrp="1"/>
          </p:cNvSpPr>
          <p:nvPr>
            <p:ph idx="1"/>
          </p:nvPr>
        </p:nvSpPr>
        <p:spPr/>
        <p:txBody>
          <a:bodyPr/>
          <a:lstStyle/>
          <a:p>
            <a:pPr algn="l" rtl="0"/>
            <a:endParaRPr lang="he-IL" dirty="0"/>
          </a:p>
        </p:txBody>
      </p:sp>
      <p:graphicFrame>
        <p:nvGraphicFramePr>
          <p:cNvPr id="5" name="מציין מיקום תוכן 3"/>
          <p:cNvGraphicFramePr>
            <a:graphicFrameLocks/>
          </p:cNvGraphicFramePr>
          <p:nvPr>
            <p:extLst>
              <p:ext uri="{D42A27DB-BD31-4B8C-83A1-F6EECF244321}">
                <p14:modId xmlns:p14="http://schemas.microsoft.com/office/powerpoint/2010/main" val="4281830719"/>
              </p:ext>
            </p:extLst>
          </p:nvPr>
        </p:nvGraphicFramePr>
        <p:xfrm>
          <a:off x="0" y="1324440"/>
          <a:ext cx="9144000" cy="4939976"/>
        </p:xfrm>
        <a:graphic>
          <a:graphicData uri="http://schemas.openxmlformats.org/drawingml/2006/table">
            <a:tbl>
              <a:tblPr rtl="1" firstRow="1" bandRow="1">
                <a:tableStyleId>{5C22544A-7EE6-4342-B048-85BDC9FD1C3A}</a:tableStyleId>
              </a:tblPr>
              <a:tblGrid>
                <a:gridCol w="4029075"/>
                <a:gridCol w="1800224"/>
                <a:gridCol w="1181100"/>
                <a:gridCol w="1076325"/>
                <a:gridCol w="1057276"/>
              </a:tblGrid>
              <a:tr h="526389">
                <a:tc>
                  <a:txBody>
                    <a:bodyPr/>
                    <a:lstStyle/>
                    <a:p>
                      <a:pPr algn="ctr" rtl="0"/>
                      <a:r>
                        <a:rPr lang="en-US" sz="1600" dirty="0" smtClean="0"/>
                        <a:t>General Information</a:t>
                      </a:r>
                      <a:endParaRPr lang="he-IL" sz="1600" dirty="0"/>
                    </a:p>
                  </a:txBody>
                  <a:tcPr marL="68580" marR="68580" marT="34290" marB="34290"/>
                </a:tc>
                <a:tc>
                  <a:txBody>
                    <a:bodyPr/>
                    <a:lstStyle/>
                    <a:p>
                      <a:pPr algn="ctr" rtl="1"/>
                      <a:r>
                        <a:rPr lang="en-US" sz="1600" dirty="0" smtClean="0"/>
                        <a:t>Product</a:t>
                      </a:r>
                      <a:endParaRPr lang="he-IL" sz="1600" dirty="0"/>
                    </a:p>
                  </a:txBody>
                  <a:tcPr marL="68580" marR="68580" marT="34290" marB="34290"/>
                </a:tc>
                <a:tc>
                  <a:txBody>
                    <a:bodyPr/>
                    <a:lstStyle/>
                    <a:p>
                      <a:pPr algn="ctr" rtl="1"/>
                      <a:r>
                        <a:rPr lang="en-US" sz="1600" dirty="0" smtClean="0"/>
                        <a:t>Duration</a:t>
                      </a:r>
                      <a:endParaRPr lang="he-IL" sz="1600" dirty="0"/>
                    </a:p>
                  </a:txBody>
                  <a:tcPr marL="68580" marR="68580" marT="34290" marB="34290"/>
                </a:tc>
                <a:tc>
                  <a:txBody>
                    <a:bodyPr/>
                    <a:lstStyle/>
                    <a:p>
                      <a:pPr algn="ctr" rtl="1"/>
                      <a:r>
                        <a:rPr lang="en-US" sz="1600" dirty="0" smtClean="0"/>
                        <a:t>Target Audience</a:t>
                      </a:r>
                      <a:endParaRPr lang="he-IL" sz="1600" dirty="0"/>
                    </a:p>
                  </a:txBody>
                  <a:tcPr marL="68580" marR="68580" marT="34290" marB="34290"/>
                </a:tc>
                <a:tc>
                  <a:txBody>
                    <a:bodyPr/>
                    <a:lstStyle/>
                    <a:p>
                      <a:pPr algn="ctr" rtl="0"/>
                      <a:r>
                        <a:rPr lang="en-US" sz="1600" dirty="0" smtClean="0"/>
                        <a:t>Course</a:t>
                      </a:r>
                      <a:endParaRPr lang="he-IL" sz="1600" dirty="0"/>
                    </a:p>
                  </a:txBody>
                  <a:tcPr marL="68580" marR="68580" marT="34290" marB="34290"/>
                </a:tc>
              </a:tr>
              <a:tr h="1701914">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en-US" sz="1200" baseline="0" dirty="0" smtClean="0"/>
                        <a:t>The studies at the </a:t>
                      </a:r>
                      <a:r>
                        <a:rPr lang="en-US" sz="1200" baseline="0" dirty="0" err="1" smtClean="0"/>
                        <a:t>Alon</a:t>
                      </a:r>
                      <a:r>
                        <a:rPr lang="en-US" sz="1200" baseline="0" dirty="0" smtClean="0"/>
                        <a:t> Course include analyzing combat doctrines from around the world, leadership abilities and education methods. As part of the program, cadets travel abroad and visit battle sites, as part of the attempt to constantly expose them to different perspectives regarding warfare and operational tactics. </a:t>
                      </a:r>
                      <a:endParaRPr lang="he-IL" sz="1200" dirty="0" smtClean="0"/>
                    </a:p>
                  </a:txBody>
                  <a:tcPr marL="68580" marR="68580" marT="34290" marB="34290"/>
                </a:tc>
                <a:tc>
                  <a:txBody>
                    <a:bodyPr/>
                    <a:lstStyle/>
                    <a:p>
                      <a:pPr marL="285750" indent="-285750" algn="l" rtl="0">
                        <a:buFont typeface="Arial" panose="020B0604020202020204" pitchFamily="34" charset="0"/>
                        <a:buChar char="•"/>
                      </a:pPr>
                      <a:r>
                        <a:rPr lang="en-US" sz="1200" dirty="0" smtClean="0"/>
                        <a:t>M.A.</a:t>
                      </a:r>
                      <a:r>
                        <a:rPr lang="en-US" sz="1200" baseline="0" dirty="0" smtClean="0"/>
                        <a:t> in Military History from Bar-</a:t>
                      </a:r>
                      <a:r>
                        <a:rPr lang="en-US" sz="1200" baseline="0" dirty="0" err="1" smtClean="0"/>
                        <a:t>Ilan</a:t>
                      </a:r>
                      <a:r>
                        <a:rPr lang="en-US" sz="1200" baseline="0" dirty="0" smtClean="0"/>
                        <a:t> University</a:t>
                      </a:r>
                    </a:p>
                    <a:p>
                      <a:pPr marL="285750" indent="-285750" algn="l" rtl="0">
                        <a:buFont typeface="Arial" panose="020B0604020202020204" pitchFamily="34" charset="0"/>
                        <a:buChar char="•"/>
                      </a:pPr>
                      <a:r>
                        <a:rPr lang="en-US" sz="1200" baseline="0" dirty="0" err="1" smtClean="0"/>
                        <a:t>Alon</a:t>
                      </a:r>
                      <a:r>
                        <a:rPr lang="en-US" sz="1200" baseline="0" dirty="0" smtClean="0"/>
                        <a:t> Course Graduation Certificate </a:t>
                      </a:r>
                      <a:endParaRPr lang="he-IL" sz="1200" dirty="0"/>
                    </a:p>
                  </a:txBody>
                  <a:tcPr marL="68580" marR="68580" marT="34290" marB="34290"/>
                </a:tc>
                <a:tc>
                  <a:txBody>
                    <a:bodyPr/>
                    <a:lstStyle/>
                    <a:p>
                      <a:pPr algn="l" rtl="0"/>
                      <a:r>
                        <a:rPr lang="en-US" sz="1200" dirty="0" smtClean="0"/>
                        <a:t>10 Months</a:t>
                      </a:r>
                      <a:endParaRPr lang="he-IL" sz="1200" dirty="0"/>
                    </a:p>
                  </a:txBody>
                  <a:tcPr marL="68580" marR="68580" marT="34290" marB="34290"/>
                </a:tc>
                <a:tc>
                  <a:txBody>
                    <a:bodyPr/>
                    <a:lstStyle/>
                    <a:p>
                      <a:pPr algn="l" rtl="0"/>
                      <a:r>
                        <a:rPr lang="en-US" sz="1200" dirty="0" smtClean="0"/>
                        <a:t>Majors (from Combat Units)</a:t>
                      </a:r>
                      <a:endParaRPr lang="he-IL" sz="1200" dirty="0"/>
                    </a:p>
                  </a:txBody>
                  <a:tcPr marL="68580" marR="68580" marT="34290" marB="34290"/>
                </a:tc>
                <a:tc>
                  <a:txBody>
                    <a:bodyPr/>
                    <a:lstStyle/>
                    <a:p>
                      <a:pPr algn="ctr" rtl="0"/>
                      <a:r>
                        <a:rPr lang="en-US" sz="1200" b="0" dirty="0" smtClean="0"/>
                        <a:t>Command and Staff College: </a:t>
                      </a:r>
                      <a:endParaRPr lang="en-US" sz="1200" b="1" dirty="0" smtClean="0"/>
                    </a:p>
                    <a:p>
                      <a:pPr algn="ctr" rtl="0"/>
                      <a:r>
                        <a:rPr lang="en-US" sz="1200" b="1" dirty="0" err="1" smtClean="0"/>
                        <a:t>Alon</a:t>
                      </a:r>
                      <a:r>
                        <a:rPr lang="en-US" sz="1200" b="1" dirty="0" smtClean="0"/>
                        <a:t> Course</a:t>
                      </a:r>
                      <a:endParaRPr lang="he-IL" sz="1200" b="1" dirty="0"/>
                    </a:p>
                  </a:txBody>
                  <a:tcPr marL="68580" marR="68580" marT="34290" marB="34290"/>
                </a:tc>
              </a:tr>
              <a:tr h="1521407">
                <a:tc>
                  <a:txBody>
                    <a:bodyPr/>
                    <a:lstStyle/>
                    <a:p>
                      <a:pPr algn="just" rtl="0"/>
                      <a:r>
                        <a:rPr lang="en-US" sz="1200" dirty="0" smtClean="0"/>
                        <a:t>Cadets in the Tactical and Command College integrate</a:t>
                      </a:r>
                      <a:r>
                        <a:rPr lang="en-US" sz="1200" baseline="0" dirty="0" smtClean="0"/>
                        <a:t> military and academic studies, preparing them to their future roles as company commanders. This includes analyzing battlefields according to the relevant components, gaining educational tools and learning the role of the leader. </a:t>
                      </a:r>
                      <a:endParaRPr lang="he-IL" sz="1200" dirty="0"/>
                    </a:p>
                  </a:txBody>
                  <a:tcPr marL="68580" marR="68580" marT="34290" marB="34290"/>
                </a:tc>
                <a:tc>
                  <a:txBody>
                    <a:bodyPr/>
                    <a:lstStyle/>
                    <a:p>
                      <a:pPr marL="285750" indent="-285750" algn="l" rtl="0">
                        <a:buFont typeface="Arial" panose="020B0604020202020204" pitchFamily="34" charset="0"/>
                        <a:buChar char="•"/>
                      </a:pPr>
                      <a:r>
                        <a:rPr lang="en-US" sz="1200" dirty="0" smtClean="0"/>
                        <a:t>B.A.</a:t>
                      </a:r>
                      <a:r>
                        <a:rPr lang="en-US" sz="1200" baseline="0" dirty="0" smtClean="0"/>
                        <a:t> in either Political Science or Economics from Bar-</a:t>
                      </a:r>
                      <a:r>
                        <a:rPr lang="en-US" sz="1200" baseline="0" dirty="0" err="1" smtClean="0"/>
                        <a:t>Ilan</a:t>
                      </a:r>
                      <a:r>
                        <a:rPr lang="en-US" sz="1200" baseline="0" dirty="0" smtClean="0"/>
                        <a:t> University</a:t>
                      </a:r>
                    </a:p>
                    <a:p>
                      <a:pPr marL="285750" indent="-285750" algn="l" rtl="0">
                        <a:buFont typeface="Arial" panose="020B0604020202020204" pitchFamily="34" charset="0"/>
                        <a:buChar char="•"/>
                      </a:pPr>
                      <a:r>
                        <a:rPr lang="en-US" sz="1200" baseline="0" dirty="0" smtClean="0"/>
                        <a:t>Tactical and Command College Graduation Certificate</a:t>
                      </a:r>
                      <a:endParaRPr lang="he-IL" sz="1200" dirty="0"/>
                    </a:p>
                  </a:txBody>
                  <a:tcPr marL="68580" marR="68580" marT="34290" marB="34290"/>
                </a:tc>
                <a:tc>
                  <a:txBody>
                    <a:bodyPr/>
                    <a:lstStyle/>
                    <a:p>
                      <a:pPr algn="l" rtl="0"/>
                      <a:r>
                        <a:rPr lang="en-US" sz="1200" dirty="0" smtClean="0"/>
                        <a:t>26 Months</a:t>
                      </a:r>
                      <a:endParaRPr lang="he-IL" sz="1200" dirty="0"/>
                    </a:p>
                  </a:txBody>
                  <a:tcPr marL="68580" marR="68580" marT="34290" marB="34290"/>
                </a:tc>
                <a:tc>
                  <a:txBody>
                    <a:bodyPr/>
                    <a:lstStyle/>
                    <a:p>
                      <a:pPr algn="l" rtl="0"/>
                      <a:r>
                        <a:rPr lang="en-US" sz="1200" dirty="0" smtClean="0"/>
                        <a:t>First</a:t>
                      </a:r>
                      <a:r>
                        <a:rPr lang="en-US" sz="1200" baseline="0" dirty="0" smtClean="0"/>
                        <a:t> Lieutenants</a:t>
                      </a:r>
                      <a:endParaRPr lang="he-IL" sz="1200" dirty="0"/>
                    </a:p>
                  </a:txBody>
                  <a:tcPr marL="68580" marR="68580" marT="34290" marB="34290"/>
                </a:tc>
                <a:tc>
                  <a:txBody>
                    <a:bodyPr/>
                    <a:lstStyle/>
                    <a:p>
                      <a:pPr algn="ctr" rtl="0"/>
                      <a:r>
                        <a:rPr lang="en-US" sz="1200" b="1" dirty="0" smtClean="0"/>
                        <a:t>Tactical and Command College</a:t>
                      </a:r>
                      <a:endParaRPr lang="he-IL" sz="1200" b="1" dirty="0"/>
                    </a:p>
                  </a:txBody>
                  <a:tcPr marL="68580" marR="68580" marT="34290" marB="34290"/>
                </a:tc>
              </a:tr>
              <a:tr h="1160395">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en-US" sz="1200" dirty="0" smtClean="0"/>
                        <a:t>The</a:t>
                      </a:r>
                      <a:r>
                        <a:rPr lang="en-US" sz="1200" baseline="0" dirty="0" smtClean="0"/>
                        <a:t> course is divided into two sub-courses, according to rank. The course as a whole focuses on providing the NCO with tools of command and cooperation, through daily classes and simulations.</a:t>
                      </a:r>
                      <a:endParaRPr lang="he-IL" sz="1200" dirty="0" smtClean="0"/>
                    </a:p>
                    <a:p>
                      <a:pPr algn="just" rtl="0"/>
                      <a:endParaRPr lang="he-IL" sz="1200" dirty="0"/>
                    </a:p>
                  </a:txBody>
                  <a:tcPr marL="68580" marR="68580" marT="34290" marB="34290"/>
                </a:tc>
                <a:tc>
                  <a:txBody>
                    <a:bodyPr/>
                    <a:lstStyle/>
                    <a:p>
                      <a:pPr algn="l" rtl="0"/>
                      <a:r>
                        <a:rPr lang="en-US" sz="1200" dirty="0" smtClean="0"/>
                        <a:t>NCO Course Graduation</a:t>
                      </a:r>
                      <a:r>
                        <a:rPr lang="en-US" sz="1200" baseline="0" dirty="0" smtClean="0"/>
                        <a:t> Certificate</a:t>
                      </a:r>
                      <a:endParaRPr lang="he-IL" sz="1200" dirty="0"/>
                    </a:p>
                  </a:txBody>
                  <a:tcPr marL="68580" marR="68580" marT="34290" marB="34290"/>
                </a:tc>
                <a:tc>
                  <a:txBody>
                    <a:bodyPr/>
                    <a:lstStyle/>
                    <a:p>
                      <a:pPr algn="l" rtl="0"/>
                      <a:r>
                        <a:rPr lang="en-US" sz="1200" dirty="0" smtClean="0"/>
                        <a:t>6 Weeks for High Ranking NCOs </a:t>
                      </a:r>
                    </a:p>
                    <a:p>
                      <a:pPr algn="l" rtl="0"/>
                      <a:r>
                        <a:rPr lang="en-US" sz="1200" dirty="0" smtClean="0"/>
                        <a:t>4 Weeks for Low Ranking NCOs</a:t>
                      </a:r>
                      <a:endParaRPr lang="he-IL" sz="1200" dirty="0"/>
                    </a:p>
                  </a:txBody>
                  <a:tcPr marL="68580" marR="68580" marT="34290" marB="34290"/>
                </a:tc>
                <a:tc>
                  <a:txBody>
                    <a:bodyPr/>
                    <a:lstStyle/>
                    <a:p>
                      <a:pPr algn="l" rtl="0"/>
                      <a:r>
                        <a:rPr lang="en-US" sz="1200" dirty="0" smtClean="0"/>
                        <a:t>NCOs</a:t>
                      </a:r>
                      <a:endParaRPr lang="he-IL" sz="1200" dirty="0"/>
                    </a:p>
                  </a:txBody>
                  <a:tcPr marL="68580" marR="68580" marT="34290" marB="34290"/>
                </a:tc>
                <a:tc>
                  <a:txBody>
                    <a:bodyPr/>
                    <a:lstStyle/>
                    <a:p>
                      <a:pPr algn="ctr" rtl="0"/>
                      <a:r>
                        <a:rPr lang="en-US" sz="1200" b="1" dirty="0" smtClean="0"/>
                        <a:t>NCO Course</a:t>
                      </a:r>
                      <a:endParaRPr lang="he-IL" sz="1200" b="1" dirty="0"/>
                    </a:p>
                  </a:txBody>
                  <a:tcPr marL="68580" marR="68580" marT="34290" marB="34290"/>
                </a:tc>
              </a:tr>
            </a:tbl>
          </a:graphicData>
        </a:graphic>
      </p:graphicFrame>
    </p:spTree>
    <p:extLst>
      <p:ext uri="{BB962C8B-B14F-4D97-AF65-F5344CB8AC3E}">
        <p14:creationId xmlns:p14="http://schemas.microsoft.com/office/powerpoint/2010/main" val="3118937611"/>
      </p:ext>
    </p:extLst>
  </p:cSld>
  <p:clrMapOvr>
    <a:masterClrMapping/>
  </p:clrMapOvr>
  <mc:AlternateContent xmlns:mc="http://schemas.openxmlformats.org/markup-compatibility/2006" xmlns:p14="http://schemas.microsoft.com/office/powerpoint/2010/main">
    <mc:Choice Requires="p14">
      <p:transition spd="slow" p14:dur="2000"/>
    </mc:Choice>
    <mc:Fallback xmlns="">
      <p:transition spd="slow"/>
    </mc:Fallback>
  </mc:AlternateContent>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כותרת 2"/>
          <p:cNvSpPr>
            <a:spLocks noGrp="1"/>
          </p:cNvSpPr>
          <p:nvPr>
            <p:ph type="title" idx="4294967295"/>
          </p:nvPr>
        </p:nvSpPr>
        <p:spPr>
          <a:xfrm>
            <a:off x="0" y="2"/>
            <a:ext cx="9144000" cy="764704"/>
          </a:xfrm>
          <a:prstGeom prst="rect">
            <a:avLst/>
          </a:prstGeom>
        </p:spPr>
        <p:txBody>
          <a:bodyPr anchor="ctr"/>
          <a:lstStyle/>
          <a:p>
            <a:pPr algn="ctr"/>
            <a:r>
              <a:rPr lang="en-US" sz="3200" b="1" dirty="0">
                <a:latin typeface="+mn-lt"/>
                <a:cs typeface="David" panose="020E0502060401010101" pitchFamily="34" charset="-79"/>
              </a:rPr>
              <a:t>IDF </a:t>
            </a:r>
            <a:r>
              <a:rPr lang="en-US" sz="3200" b="1" dirty="0" smtClean="0">
                <a:latin typeface="+mn-lt"/>
                <a:cs typeface="David" panose="020E0502060401010101" pitchFamily="34" charset="-79"/>
              </a:rPr>
              <a:t>Structure</a:t>
            </a:r>
            <a:endParaRPr lang="he-IL" sz="3200" b="1" dirty="0">
              <a:latin typeface="+mn-lt"/>
              <a:cs typeface="David" panose="020E0502060401010101" pitchFamily="34" charset="-79"/>
            </a:endParaRPr>
          </a:p>
        </p:txBody>
      </p:sp>
      <p:grpSp>
        <p:nvGrpSpPr>
          <p:cNvPr id="20" name="קבוצה 19"/>
          <p:cNvGrpSpPr/>
          <p:nvPr/>
        </p:nvGrpSpPr>
        <p:grpSpPr>
          <a:xfrm>
            <a:off x="61086" y="1088451"/>
            <a:ext cx="9083630" cy="5355282"/>
            <a:chOff x="61086" y="1088451"/>
            <a:chExt cx="9083630" cy="5355282"/>
          </a:xfrm>
        </p:grpSpPr>
        <p:sp>
          <p:nvSpPr>
            <p:cNvPr id="95" name="מלבן 94"/>
            <p:cNvSpPr/>
            <p:nvPr/>
          </p:nvSpPr>
          <p:spPr>
            <a:xfrm>
              <a:off x="8039305" y="2707131"/>
              <a:ext cx="1043608"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MAG</a:t>
              </a:r>
              <a:endParaRPr lang="he-IL" sz="1100" b="1" kern="0" dirty="0">
                <a:solidFill>
                  <a:prstClr val="white"/>
                </a:solidFill>
                <a:cs typeface="Calibri" panose="020F0502020204030204" pitchFamily="34" charset="0"/>
              </a:endParaRPr>
            </a:p>
          </p:txBody>
        </p:sp>
        <p:cxnSp>
          <p:nvCxnSpPr>
            <p:cNvPr id="238" name="מחבר ישר 237"/>
            <p:cNvCxnSpPr/>
            <p:nvPr/>
          </p:nvCxnSpPr>
          <p:spPr>
            <a:xfrm>
              <a:off x="582974" y="4421114"/>
              <a:ext cx="0" cy="216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39" name="מחבר ישר 238"/>
            <p:cNvCxnSpPr/>
            <p:nvPr/>
          </p:nvCxnSpPr>
          <p:spPr>
            <a:xfrm>
              <a:off x="5714011" y="4425274"/>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0" name="מחבר ישר 239"/>
            <p:cNvCxnSpPr/>
            <p:nvPr/>
          </p:nvCxnSpPr>
          <p:spPr>
            <a:xfrm>
              <a:off x="4454011" y="4421090"/>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1" name="מחבר ישר 240"/>
            <p:cNvCxnSpPr/>
            <p:nvPr/>
          </p:nvCxnSpPr>
          <p:spPr>
            <a:xfrm>
              <a:off x="5096869" y="3485605"/>
              <a:ext cx="0" cy="18612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2" name="מחבר ישר 241"/>
            <p:cNvCxnSpPr/>
            <p:nvPr/>
          </p:nvCxnSpPr>
          <p:spPr>
            <a:xfrm>
              <a:off x="1703441" y="3483162"/>
              <a:ext cx="0" cy="18612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3" name="מחבר ישר 242"/>
            <p:cNvCxnSpPr/>
            <p:nvPr/>
          </p:nvCxnSpPr>
          <p:spPr>
            <a:xfrm>
              <a:off x="8039305" y="3481653"/>
              <a:ext cx="0" cy="296208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6" name="מחבר ישר 245"/>
            <p:cNvCxnSpPr/>
            <p:nvPr/>
          </p:nvCxnSpPr>
          <p:spPr>
            <a:xfrm>
              <a:off x="2845536" y="4421114"/>
              <a:ext cx="0" cy="216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47" name="מחבר ישר 2"/>
            <p:cNvCxnSpPr/>
            <p:nvPr/>
          </p:nvCxnSpPr>
          <p:spPr>
            <a:xfrm>
              <a:off x="3980614" y="5337003"/>
              <a:ext cx="2232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7" name="מחבר ישר 2"/>
            <p:cNvCxnSpPr/>
            <p:nvPr/>
          </p:nvCxnSpPr>
          <p:spPr>
            <a:xfrm>
              <a:off x="7910259" y="5856357"/>
              <a:ext cx="2592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8" name="מחבר ישר 2"/>
            <p:cNvCxnSpPr/>
            <p:nvPr/>
          </p:nvCxnSpPr>
          <p:spPr>
            <a:xfrm>
              <a:off x="7900734" y="5242053"/>
              <a:ext cx="2592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59" name="מחבר ישר 2"/>
            <p:cNvCxnSpPr/>
            <p:nvPr/>
          </p:nvCxnSpPr>
          <p:spPr>
            <a:xfrm>
              <a:off x="7900734" y="4507115"/>
              <a:ext cx="2592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0" name="מחבר ישר 2"/>
            <p:cNvCxnSpPr/>
            <p:nvPr/>
          </p:nvCxnSpPr>
          <p:spPr>
            <a:xfrm>
              <a:off x="4454011" y="4421090"/>
              <a:ext cx="1260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1" name="מחבר ישר 260"/>
            <p:cNvCxnSpPr/>
            <p:nvPr/>
          </p:nvCxnSpPr>
          <p:spPr>
            <a:xfrm>
              <a:off x="3975529" y="5337003"/>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2" name="מחבר ישר 261"/>
            <p:cNvCxnSpPr/>
            <p:nvPr/>
          </p:nvCxnSpPr>
          <p:spPr>
            <a:xfrm>
              <a:off x="6222263" y="5337003"/>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3" name="מחבר ישר 2"/>
            <p:cNvCxnSpPr/>
            <p:nvPr/>
          </p:nvCxnSpPr>
          <p:spPr>
            <a:xfrm>
              <a:off x="587141" y="4422140"/>
              <a:ext cx="2268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2" name="מחבר ישר 291"/>
            <p:cNvCxnSpPr/>
            <p:nvPr/>
          </p:nvCxnSpPr>
          <p:spPr>
            <a:xfrm>
              <a:off x="2333425" y="5350632"/>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3" name="מחבר ישר 292"/>
            <p:cNvCxnSpPr/>
            <p:nvPr/>
          </p:nvCxnSpPr>
          <p:spPr>
            <a:xfrm>
              <a:off x="1073425" y="5346448"/>
              <a:ext cx="0" cy="144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94" name="מחבר ישר 2"/>
            <p:cNvCxnSpPr/>
            <p:nvPr/>
          </p:nvCxnSpPr>
          <p:spPr>
            <a:xfrm>
              <a:off x="1073425" y="5346448"/>
              <a:ext cx="1260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264" name="מלבן 263"/>
            <p:cNvSpPr/>
            <p:nvPr/>
          </p:nvSpPr>
          <p:spPr>
            <a:xfrm>
              <a:off x="1189352" y="4544826"/>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Ground</a:t>
              </a:r>
            </a:p>
            <a:p>
              <a:pPr algn="ctr" fontAlgn="base">
                <a:spcBef>
                  <a:spcPct val="0"/>
                </a:spcBef>
                <a:spcAft>
                  <a:spcPct val="0"/>
                </a:spcAft>
              </a:pPr>
              <a:r>
                <a:rPr lang="en-US" sz="1100" b="1" kern="0" dirty="0">
                  <a:solidFill>
                    <a:prstClr val="white"/>
                  </a:solidFill>
                  <a:cs typeface="Calibri" panose="020F0502020204030204" pitchFamily="34" charset="0"/>
                </a:rPr>
                <a:t>Forces</a:t>
              </a:r>
              <a:endParaRPr lang="he-IL" sz="1100" b="1" kern="0" dirty="0">
                <a:solidFill>
                  <a:prstClr val="white"/>
                </a:solidFill>
                <a:cs typeface="Calibri" panose="020F0502020204030204" pitchFamily="34" charset="0"/>
              </a:endParaRPr>
            </a:p>
          </p:txBody>
        </p:sp>
        <p:sp>
          <p:nvSpPr>
            <p:cNvPr id="274" name="מלבן 273"/>
            <p:cNvSpPr/>
            <p:nvPr/>
          </p:nvSpPr>
          <p:spPr>
            <a:xfrm>
              <a:off x="4379209" y="3680779"/>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ommands</a:t>
              </a:r>
              <a:endParaRPr lang="he-IL" sz="1100" b="1" kern="0" dirty="0">
                <a:solidFill>
                  <a:prstClr val="white"/>
                </a:solidFill>
                <a:cs typeface="Calibri" panose="020F0502020204030204" pitchFamily="34" charset="0"/>
              </a:endParaRPr>
            </a:p>
          </p:txBody>
        </p:sp>
        <p:sp>
          <p:nvSpPr>
            <p:cNvPr id="275" name="מלבן 274"/>
            <p:cNvSpPr/>
            <p:nvPr/>
          </p:nvSpPr>
          <p:spPr>
            <a:xfrm>
              <a:off x="7316044" y="3680779"/>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General Staff</a:t>
              </a:r>
              <a:endParaRPr lang="he-IL" sz="1100" b="1" kern="0" dirty="0">
                <a:solidFill>
                  <a:prstClr val="white"/>
                </a:solidFill>
                <a:cs typeface="Calibri" panose="020F0502020204030204" pitchFamily="34" charset="0"/>
              </a:endParaRPr>
            </a:p>
          </p:txBody>
        </p:sp>
        <p:sp>
          <p:nvSpPr>
            <p:cNvPr id="276" name="מלבן 275"/>
            <p:cNvSpPr/>
            <p:nvPr/>
          </p:nvSpPr>
          <p:spPr>
            <a:xfrm>
              <a:off x="982521" y="3665076"/>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Services</a:t>
              </a:r>
              <a:endParaRPr lang="he-IL" sz="1100" b="1" kern="0" dirty="0">
                <a:solidFill>
                  <a:prstClr val="white"/>
                </a:solidFill>
                <a:cs typeface="Calibri" panose="020F0502020204030204" pitchFamily="34" charset="0"/>
              </a:endParaRPr>
            </a:p>
          </p:txBody>
        </p:sp>
        <p:sp>
          <p:nvSpPr>
            <p:cNvPr id="277" name="מלבן 276"/>
            <p:cNvSpPr/>
            <p:nvPr/>
          </p:nvSpPr>
          <p:spPr>
            <a:xfrm>
              <a:off x="8174694" y="4328811"/>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2</a:t>
              </a:r>
              <a:endParaRPr lang="he-IL" sz="1100" b="1" kern="0" dirty="0">
                <a:solidFill>
                  <a:prstClr val="white"/>
                </a:solidFill>
                <a:cs typeface="Calibri" panose="020F0502020204030204" pitchFamily="34" charset="0"/>
              </a:endParaRPr>
            </a:p>
          </p:txBody>
        </p:sp>
        <p:sp>
          <p:nvSpPr>
            <p:cNvPr id="278" name="מלבן 277"/>
            <p:cNvSpPr/>
            <p:nvPr/>
          </p:nvSpPr>
          <p:spPr>
            <a:xfrm>
              <a:off x="7010156" y="4328811"/>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1</a:t>
              </a:r>
              <a:endParaRPr lang="he-IL" sz="1100" b="1" kern="0" dirty="0">
                <a:solidFill>
                  <a:prstClr val="white"/>
                </a:solidFill>
                <a:cs typeface="Calibri" panose="020F0502020204030204" pitchFamily="34" charset="0"/>
              </a:endParaRPr>
            </a:p>
          </p:txBody>
        </p:sp>
        <p:sp>
          <p:nvSpPr>
            <p:cNvPr id="279" name="מלבן 278"/>
            <p:cNvSpPr/>
            <p:nvPr/>
          </p:nvSpPr>
          <p:spPr>
            <a:xfrm>
              <a:off x="7006295" y="5062053"/>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3</a:t>
              </a:r>
              <a:endParaRPr lang="he-IL" sz="1100" b="1" kern="0" dirty="0">
                <a:solidFill>
                  <a:prstClr val="white"/>
                </a:solidFill>
                <a:cs typeface="Calibri" panose="020F0502020204030204" pitchFamily="34" charset="0"/>
              </a:endParaRPr>
            </a:p>
          </p:txBody>
        </p:sp>
        <p:sp>
          <p:nvSpPr>
            <p:cNvPr id="280" name="מלבן 279"/>
            <p:cNvSpPr/>
            <p:nvPr/>
          </p:nvSpPr>
          <p:spPr>
            <a:xfrm>
              <a:off x="8174694" y="5064209"/>
              <a:ext cx="900000" cy="360000"/>
            </a:xfrm>
            <a:prstGeom prst="rect">
              <a:avLst/>
            </a:prstGeom>
            <a:solidFill>
              <a:schemeClr val="accent3">
                <a:lumMod val="60000"/>
                <a:lumOff val="40000"/>
              </a:schemeClr>
            </a:solidFill>
            <a:ln>
              <a:noFill/>
            </a:ln>
          </p:spPr>
          <p:style>
            <a:lnRef idx="1">
              <a:schemeClr val="accent3"/>
            </a:lnRef>
            <a:fillRef idx="2">
              <a:schemeClr val="accent3"/>
            </a:fillRef>
            <a:effectRef idx="1">
              <a:schemeClr val="accent3"/>
            </a:effectRef>
            <a:fontRef idx="minor">
              <a:schemeClr val="dk1"/>
            </a:fontRef>
          </p:style>
          <p:txBody>
            <a:bodyPr rtlCol="1" anchor="ctr"/>
            <a:lstStyle/>
            <a:p>
              <a:pPr algn="ctr" fontAlgn="base">
                <a:spcBef>
                  <a:spcPct val="0"/>
                </a:spcBef>
                <a:spcAft>
                  <a:spcPct val="0"/>
                </a:spcAft>
                <a:defRPr/>
              </a:pPr>
              <a:r>
                <a:rPr lang="en-US" sz="1100" b="1" kern="0" dirty="0" smtClean="0">
                  <a:solidFill>
                    <a:schemeClr val="tx1"/>
                  </a:solidFill>
                  <a:latin typeface="Calibri" panose="020F0502020204030204" pitchFamily="34" charset="0"/>
                  <a:cs typeface="Calibri" panose="020F0502020204030204" pitchFamily="34" charset="0"/>
                </a:rPr>
                <a:t>J4</a:t>
              </a:r>
              <a:endParaRPr lang="he-IL" sz="1200" b="1" kern="0" dirty="0">
                <a:solidFill>
                  <a:schemeClr val="tx1"/>
                </a:solidFill>
                <a:latin typeface="Calibri" panose="020F0502020204030204" pitchFamily="34" charset="0"/>
              </a:endParaRPr>
            </a:p>
          </p:txBody>
        </p:sp>
        <p:sp>
          <p:nvSpPr>
            <p:cNvPr id="281" name="מלבן 280"/>
            <p:cNvSpPr/>
            <p:nvPr/>
          </p:nvSpPr>
          <p:spPr>
            <a:xfrm>
              <a:off x="7008860" y="5677846"/>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5</a:t>
              </a:r>
              <a:endParaRPr lang="he-IL" sz="1100" b="1" kern="0" dirty="0">
                <a:solidFill>
                  <a:prstClr val="white"/>
                </a:solidFill>
                <a:cs typeface="Calibri" panose="020F0502020204030204" pitchFamily="34" charset="0"/>
              </a:endParaRPr>
            </a:p>
          </p:txBody>
        </p:sp>
        <p:sp>
          <p:nvSpPr>
            <p:cNvPr id="282" name="מלבן 281"/>
            <p:cNvSpPr/>
            <p:nvPr/>
          </p:nvSpPr>
          <p:spPr>
            <a:xfrm>
              <a:off x="8177875" y="5677846"/>
              <a:ext cx="900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6</a:t>
              </a:r>
              <a:endParaRPr lang="he-IL" sz="1100" b="1" kern="0" dirty="0">
                <a:solidFill>
                  <a:prstClr val="white"/>
                </a:solidFill>
                <a:cs typeface="Calibri" panose="020F0502020204030204" pitchFamily="34" charset="0"/>
              </a:endParaRPr>
            </a:p>
          </p:txBody>
        </p:sp>
        <p:sp>
          <p:nvSpPr>
            <p:cNvPr id="283" name="מלבן 282"/>
            <p:cNvSpPr/>
            <p:nvPr/>
          </p:nvSpPr>
          <p:spPr>
            <a:xfrm>
              <a:off x="3934849" y="4544875"/>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Northern</a:t>
              </a:r>
            </a:p>
            <a:p>
              <a:pPr algn="ctr" fontAlgn="base">
                <a:spcBef>
                  <a:spcPct val="0"/>
                </a:spcBef>
                <a:spcAft>
                  <a:spcPct val="0"/>
                </a:spcAft>
              </a:pPr>
              <a:r>
                <a:rPr lang="en-US" sz="1100" b="1" kern="0" dirty="0">
                  <a:solidFill>
                    <a:prstClr val="white"/>
                  </a:solidFill>
                  <a:cs typeface="Calibri" panose="020F0502020204030204" pitchFamily="34" charset="0"/>
                </a:rPr>
                <a:t>Command</a:t>
              </a:r>
              <a:endParaRPr lang="he-IL" sz="1100" b="1" kern="0" dirty="0">
                <a:solidFill>
                  <a:prstClr val="white"/>
                </a:solidFill>
                <a:cs typeface="Calibri" panose="020F0502020204030204" pitchFamily="34" charset="0"/>
              </a:endParaRPr>
            </a:p>
          </p:txBody>
        </p:sp>
        <p:sp>
          <p:nvSpPr>
            <p:cNvPr id="284" name="מלבן 283"/>
            <p:cNvSpPr/>
            <p:nvPr/>
          </p:nvSpPr>
          <p:spPr>
            <a:xfrm>
              <a:off x="5195105" y="4544875"/>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entral</a:t>
              </a:r>
            </a:p>
            <a:p>
              <a:pPr algn="ctr" fontAlgn="base">
                <a:spcBef>
                  <a:spcPct val="0"/>
                </a:spcBef>
                <a:spcAft>
                  <a:spcPct val="0"/>
                </a:spcAft>
              </a:pPr>
              <a:r>
                <a:rPr lang="en-US" sz="1100" b="1" kern="0" dirty="0">
                  <a:solidFill>
                    <a:prstClr val="white"/>
                  </a:solidFill>
                  <a:cs typeface="Calibri" panose="020F0502020204030204" pitchFamily="34" charset="0"/>
                </a:rPr>
                <a:t>Command</a:t>
              </a:r>
              <a:endParaRPr lang="he-IL" sz="1100" b="1" kern="0" dirty="0">
                <a:solidFill>
                  <a:prstClr val="white"/>
                </a:solidFill>
                <a:cs typeface="Calibri" panose="020F0502020204030204" pitchFamily="34" charset="0"/>
              </a:endParaRPr>
            </a:p>
          </p:txBody>
        </p:sp>
        <p:sp>
          <p:nvSpPr>
            <p:cNvPr id="285" name="מלבן 284"/>
            <p:cNvSpPr/>
            <p:nvPr/>
          </p:nvSpPr>
          <p:spPr>
            <a:xfrm>
              <a:off x="3454655" y="5479758"/>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Southern</a:t>
              </a:r>
            </a:p>
            <a:p>
              <a:pPr algn="ctr" fontAlgn="base">
                <a:spcBef>
                  <a:spcPct val="0"/>
                </a:spcBef>
                <a:spcAft>
                  <a:spcPct val="0"/>
                </a:spcAft>
              </a:pPr>
              <a:r>
                <a:rPr lang="en-US" sz="1100" b="1" kern="0" dirty="0">
                  <a:solidFill>
                    <a:prstClr val="white"/>
                  </a:solidFill>
                  <a:cs typeface="Calibri" panose="020F0502020204030204" pitchFamily="34" charset="0"/>
                </a:rPr>
                <a:t>Command</a:t>
              </a:r>
              <a:endParaRPr lang="he-IL" sz="1100" b="1" kern="0" dirty="0">
                <a:solidFill>
                  <a:prstClr val="white"/>
                </a:solidFill>
                <a:cs typeface="Calibri" panose="020F0502020204030204" pitchFamily="34" charset="0"/>
              </a:endParaRPr>
            </a:p>
          </p:txBody>
        </p:sp>
        <p:sp>
          <p:nvSpPr>
            <p:cNvPr id="286" name="מלבן 285"/>
            <p:cNvSpPr/>
            <p:nvPr/>
          </p:nvSpPr>
          <p:spPr>
            <a:xfrm>
              <a:off x="4576908" y="5479758"/>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Home Front</a:t>
              </a:r>
            </a:p>
            <a:p>
              <a:pPr algn="ctr" fontAlgn="base">
                <a:spcBef>
                  <a:spcPct val="0"/>
                </a:spcBef>
                <a:spcAft>
                  <a:spcPct val="0"/>
                </a:spcAft>
              </a:pPr>
              <a:r>
                <a:rPr lang="en-US" sz="1100" b="1" kern="0" dirty="0">
                  <a:solidFill>
                    <a:prstClr val="white"/>
                  </a:solidFill>
                  <a:cs typeface="Calibri" panose="020F0502020204030204" pitchFamily="34" charset="0"/>
                </a:rPr>
                <a:t>Command</a:t>
              </a:r>
              <a:endParaRPr lang="he-IL" sz="1100" b="1" kern="0" dirty="0">
                <a:solidFill>
                  <a:prstClr val="white"/>
                </a:solidFill>
                <a:cs typeface="Calibri" panose="020F0502020204030204" pitchFamily="34" charset="0"/>
              </a:endParaRPr>
            </a:p>
          </p:txBody>
        </p:sp>
        <p:sp>
          <p:nvSpPr>
            <p:cNvPr id="287" name="מלבן 286"/>
            <p:cNvSpPr/>
            <p:nvPr/>
          </p:nvSpPr>
          <p:spPr>
            <a:xfrm>
              <a:off x="5699161" y="5480979"/>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Joint</a:t>
              </a:r>
            </a:p>
            <a:p>
              <a:pPr algn="ctr" fontAlgn="base">
                <a:spcBef>
                  <a:spcPct val="0"/>
                </a:spcBef>
                <a:spcAft>
                  <a:spcPct val="0"/>
                </a:spcAft>
              </a:pPr>
              <a:r>
                <a:rPr lang="en-US" sz="1100" b="1" kern="0" dirty="0">
                  <a:solidFill>
                    <a:prstClr val="white"/>
                  </a:solidFill>
                  <a:cs typeface="Calibri" panose="020F0502020204030204" pitchFamily="34" charset="0"/>
                </a:rPr>
                <a:t>Command</a:t>
              </a:r>
            </a:p>
          </p:txBody>
        </p:sp>
        <p:sp>
          <p:nvSpPr>
            <p:cNvPr id="288" name="מלבן 287"/>
            <p:cNvSpPr/>
            <p:nvPr/>
          </p:nvSpPr>
          <p:spPr>
            <a:xfrm>
              <a:off x="61086" y="4544826"/>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Navy</a:t>
              </a:r>
              <a:endParaRPr lang="he-IL" sz="1100" b="1" kern="0" dirty="0">
                <a:solidFill>
                  <a:prstClr val="white"/>
                </a:solidFill>
                <a:cs typeface="Calibri" panose="020F0502020204030204" pitchFamily="34" charset="0"/>
              </a:endParaRPr>
            </a:p>
          </p:txBody>
        </p:sp>
        <p:sp>
          <p:nvSpPr>
            <p:cNvPr id="289" name="מלבן 288"/>
            <p:cNvSpPr/>
            <p:nvPr/>
          </p:nvSpPr>
          <p:spPr>
            <a:xfrm>
              <a:off x="2317618" y="4544826"/>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Air Force</a:t>
              </a:r>
              <a:endParaRPr lang="he-IL" sz="1100" b="1" kern="0" dirty="0">
                <a:solidFill>
                  <a:prstClr val="white"/>
                </a:solidFill>
                <a:cs typeface="Calibri" panose="020F0502020204030204" pitchFamily="34" charset="0"/>
              </a:endParaRPr>
            </a:p>
          </p:txBody>
        </p:sp>
        <p:sp>
          <p:nvSpPr>
            <p:cNvPr id="290" name="מלבן 289"/>
            <p:cNvSpPr/>
            <p:nvPr/>
          </p:nvSpPr>
          <p:spPr>
            <a:xfrm>
              <a:off x="554195" y="5480939"/>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orps’</a:t>
              </a:r>
              <a:endParaRPr lang="he-IL" sz="1100" b="1" kern="0" dirty="0">
                <a:solidFill>
                  <a:prstClr val="white"/>
                </a:solidFill>
                <a:cs typeface="Calibri" panose="020F0502020204030204" pitchFamily="34" charset="0"/>
              </a:endParaRPr>
            </a:p>
          </p:txBody>
        </p:sp>
        <p:sp>
          <p:nvSpPr>
            <p:cNvPr id="291" name="מלבן 290"/>
            <p:cNvSpPr/>
            <p:nvPr/>
          </p:nvSpPr>
          <p:spPr>
            <a:xfrm>
              <a:off x="1808219" y="5480939"/>
              <a:ext cx="1044000" cy="360000"/>
            </a:xfrm>
            <a:prstGeom prst="rect">
              <a:avLst/>
            </a:prstGeom>
            <a:solidFill>
              <a:schemeClr val="accent3">
                <a:lumMod val="60000"/>
                <a:lumOff val="40000"/>
              </a:schemeClr>
            </a:solidFill>
            <a:ln>
              <a:noFill/>
            </a:ln>
          </p:spPr>
          <p:style>
            <a:lnRef idx="1">
              <a:schemeClr val="accent3"/>
            </a:lnRef>
            <a:fillRef idx="2">
              <a:schemeClr val="accent3"/>
            </a:fillRef>
            <a:effectRef idx="1">
              <a:schemeClr val="accent3"/>
            </a:effectRef>
            <a:fontRef idx="minor">
              <a:schemeClr val="dk1"/>
            </a:fontRef>
          </p:style>
          <p:txBody>
            <a:bodyPr rtlCol="1" anchor="ctr"/>
            <a:lstStyle/>
            <a:p>
              <a:pPr algn="ctr" fontAlgn="base">
                <a:spcBef>
                  <a:spcPct val="0"/>
                </a:spcBef>
                <a:spcAft>
                  <a:spcPct val="0"/>
                </a:spcAft>
              </a:pPr>
              <a:r>
                <a:rPr lang="en-US" sz="1100" b="1" kern="0" dirty="0">
                  <a:solidFill>
                    <a:schemeClr val="tx1"/>
                  </a:solidFill>
                  <a:latin typeface="Calibri" panose="020F0502020204030204" pitchFamily="34" charset="0"/>
                  <a:cs typeface="Calibri" panose="020F0502020204030204" pitchFamily="34" charset="0"/>
                </a:rPr>
                <a:t>J4</a:t>
              </a:r>
              <a:endParaRPr lang="he-IL" sz="1200" b="1" kern="0" dirty="0">
                <a:solidFill>
                  <a:schemeClr val="tx1"/>
                </a:solidFill>
                <a:latin typeface="Calibri" panose="020F0502020204030204" pitchFamily="34" charset="0"/>
                <a:cs typeface="Calibri" panose="020F0502020204030204" pitchFamily="34" charset="0"/>
              </a:endParaRPr>
            </a:p>
          </p:txBody>
        </p:sp>
        <p:cxnSp>
          <p:nvCxnSpPr>
            <p:cNvPr id="79" name="מחבר ישר 78"/>
            <p:cNvCxnSpPr/>
            <p:nvPr/>
          </p:nvCxnSpPr>
          <p:spPr>
            <a:xfrm>
              <a:off x="6876456" y="1736523"/>
              <a:ext cx="0" cy="792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0" name="מחבר ישר 79"/>
            <p:cNvCxnSpPr/>
            <p:nvPr/>
          </p:nvCxnSpPr>
          <p:spPr>
            <a:xfrm>
              <a:off x="2277835" y="1736523"/>
              <a:ext cx="0" cy="792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1" name="מחבר ישר 80"/>
            <p:cNvCxnSpPr/>
            <p:nvPr/>
          </p:nvCxnSpPr>
          <p:spPr>
            <a:xfrm>
              <a:off x="4570105" y="1448451"/>
              <a:ext cx="0" cy="2052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2" name="מחבר ישר 2"/>
            <p:cNvCxnSpPr/>
            <p:nvPr/>
          </p:nvCxnSpPr>
          <p:spPr>
            <a:xfrm>
              <a:off x="2268320" y="1736523"/>
              <a:ext cx="4608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3" name="מחבר ישר 2"/>
            <p:cNvCxnSpPr/>
            <p:nvPr/>
          </p:nvCxnSpPr>
          <p:spPr>
            <a:xfrm>
              <a:off x="1704293" y="2528523"/>
              <a:ext cx="1134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4" name="מחבר ישר 83"/>
            <p:cNvCxnSpPr/>
            <p:nvPr/>
          </p:nvCxnSpPr>
          <p:spPr>
            <a:xfrm>
              <a:off x="1705863" y="2528523"/>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5" name="מחבר ישר 84"/>
            <p:cNvCxnSpPr/>
            <p:nvPr/>
          </p:nvCxnSpPr>
          <p:spPr>
            <a:xfrm>
              <a:off x="2835989"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6" name="מחבר ישר 85"/>
            <p:cNvCxnSpPr/>
            <p:nvPr/>
          </p:nvCxnSpPr>
          <p:spPr>
            <a:xfrm>
              <a:off x="5221468"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7" name="מחבר ישר 86"/>
            <p:cNvCxnSpPr/>
            <p:nvPr/>
          </p:nvCxnSpPr>
          <p:spPr>
            <a:xfrm>
              <a:off x="6335496"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8" name="מחבר ישר 87"/>
            <p:cNvCxnSpPr/>
            <p:nvPr/>
          </p:nvCxnSpPr>
          <p:spPr>
            <a:xfrm>
              <a:off x="8566803"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89" name="מחבר ישר 2"/>
            <p:cNvCxnSpPr/>
            <p:nvPr/>
          </p:nvCxnSpPr>
          <p:spPr>
            <a:xfrm>
              <a:off x="1703425" y="3488953"/>
              <a:ext cx="6336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90" name="מלבן 89"/>
            <p:cNvSpPr/>
            <p:nvPr/>
          </p:nvSpPr>
          <p:spPr>
            <a:xfrm>
              <a:off x="3852217" y="1088451"/>
              <a:ext cx="1439863"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HOD</a:t>
              </a:r>
              <a:endParaRPr lang="he-IL" sz="1100" b="1" kern="0" dirty="0">
                <a:solidFill>
                  <a:prstClr val="white"/>
                </a:solidFill>
                <a:cs typeface="Calibri" panose="020F0502020204030204" pitchFamily="34" charset="0"/>
              </a:endParaRPr>
            </a:p>
          </p:txBody>
        </p:sp>
        <p:sp>
          <p:nvSpPr>
            <p:cNvPr id="91" name="מלבן 90"/>
            <p:cNvSpPr/>
            <p:nvPr/>
          </p:nvSpPr>
          <p:spPr>
            <a:xfrm>
              <a:off x="1556915" y="1981280"/>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DCHOD</a:t>
              </a:r>
              <a:endParaRPr lang="he-IL" sz="1100" b="1" kern="0" dirty="0">
                <a:solidFill>
                  <a:prstClr val="white"/>
                </a:solidFill>
                <a:cs typeface="Calibri" panose="020F0502020204030204" pitchFamily="34" charset="0"/>
              </a:endParaRPr>
            </a:p>
          </p:txBody>
        </p:sp>
        <p:sp>
          <p:nvSpPr>
            <p:cNvPr id="92" name="מלבן 91"/>
            <p:cNvSpPr/>
            <p:nvPr/>
          </p:nvSpPr>
          <p:spPr>
            <a:xfrm>
              <a:off x="1196091" y="2707131"/>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Supervision</a:t>
              </a:r>
            </a:p>
            <a:p>
              <a:pPr algn="ctr" fontAlgn="base">
                <a:spcBef>
                  <a:spcPct val="0"/>
                </a:spcBef>
                <a:spcAft>
                  <a:spcPct val="0"/>
                </a:spcAft>
              </a:pPr>
              <a:r>
                <a:rPr lang="en-US" sz="1100" b="1" kern="0" dirty="0">
                  <a:solidFill>
                    <a:prstClr val="white"/>
                  </a:solidFill>
                  <a:cs typeface="Calibri" panose="020F0502020204030204" pitchFamily="34" charset="0"/>
                </a:rPr>
                <a:t>Department</a:t>
              </a:r>
              <a:endParaRPr lang="he-IL" sz="1100" b="1" kern="0" dirty="0">
                <a:solidFill>
                  <a:prstClr val="white"/>
                </a:solidFill>
                <a:cs typeface="Calibri" panose="020F0502020204030204" pitchFamily="34" charset="0"/>
              </a:endParaRPr>
            </a:p>
          </p:txBody>
        </p:sp>
        <p:sp>
          <p:nvSpPr>
            <p:cNvPr id="93" name="מלבן 92"/>
            <p:cNvSpPr/>
            <p:nvPr/>
          </p:nvSpPr>
          <p:spPr>
            <a:xfrm>
              <a:off x="2313115" y="2707131"/>
              <a:ext cx="104400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hief Reserve</a:t>
              </a:r>
            </a:p>
            <a:p>
              <a:pPr algn="ctr" fontAlgn="base">
                <a:spcBef>
                  <a:spcPct val="0"/>
                </a:spcBef>
                <a:spcAft>
                  <a:spcPct val="0"/>
                </a:spcAft>
              </a:pPr>
              <a:r>
                <a:rPr lang="en-US" sz="1100" b="1" kern="0" dirty="0">
                  <a:solidFill>
                    <a:prstClr val="white"/>
                  </a:solidFill>
                  <a:cs typeface="Calibri" panose="020F0502020204030204" pitchFamily="34" charset="0"/>
                </a:rPr>
                <a:t>Officer</a:t>
              </a:r>
              <a:endParaRPr lang="he-IL" sz="1100" b="1" kern="0" dirty="0">
                <a:solidFill>
                  <a:prstClr val="white"/>
                </a:solidFill>
                <a:cs typeface="Calibri" panose="020F0502020204030204" pitchFamily="34" charset="0"/>
              </a:endParaRPr>
            </a:p>
          </p:txBody>
        </p:sp>
        <p:sp>
          <p:nvSpPr>
            <p:cNvPr id="94" name="מלבן 93"/>
            <p:cNvSpPr/>
            <p:nvPr/>
          </p:nvSpPr>
          <p:spPr>
            <a:xfrm>
              <a:off x="6156176" y="1981280"/>
              <a:ext cx="1440160"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Professional</a:t>
              </a:r>
            </a:p>
            <a:p>
              <a:pPr algn="ctr" fontAlgn="base">
                <a:spcBef>
                  <a:spcPct val="0"/>
                </a:spcBef>
                <a:spcAft>
                  <a:spcPct val="0"/>
                </a:spcAft>
              </a:pPr>
              <a:r>
                <a:rPr lang="en-US" sz="1100" b="1" kern="0" dirty="0">
                  <a:solidFill>
                    <a:prstClr val="white"/>
                  </a:solidFill>
                  <a:cs typeface="Calibri" panose="020F0502020204030204" pitchFamily="34" charset="0"/>
                </a:rPr>
                <a:t>Advisors</a:t>
              </a:r>
              <a:endParaRPr lang="he-IL" sz="1100" b="1" kern="0" dirty="0">
                <a:solidFill>
                  <a:prstClr val="white"/>
                </a:solidFill>
                <a:cs typeface="Calibri" panose="020F0502020204030204" pitchFamily="34" charset="0"/>
              </a:endParaRPr>
            </a:p>
          </p:txBody>
        </p:sp>
        <p:sp>
          <p:nvSpPr>
            <p:cNvPr id="96" name="מלבן 95"/>
            <p:cNvSpPr/>
            <p:nvPr/>
          </p:nvSpPr>
          <p:spPr>
            <a:xfrm>
              <a:off x="6923689" y="2707131"/>
              <a:ext cx="1043608"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hief</a:t>
              </a:r>
            </a:p>
            <a:p>
              <a:pPr algn="ctr" fontAlgn="base">
                <a:spcBef>
                  <a:spcPct val="0"/>
                </a:spcBef>
                <a:spcAft>
                  <a:spcPct val="0"/>
                </a:spcAft>
              </a:pPr>
              <a:r>
                <a:rPr lang="en-US" sz="1100" b="1" kern="0" dirty="0">
                  <a:solidFill>
                    <a:prstClr val="white"/>
                  </a:solidFill>
                  <a:cs typeface="Calibri" panose="020F0502020204030204" pitchFamily="34" charset="0"/>
                </a:rPr>
                <a:t>Rabbinate</a:t>
              </a:r>
              <a:endParaRPr lang="he-IL" sz="1100" b="1" kern="0" dirty="0">
                <a:solidFill>
                  <a:prstClr val="white"/>
                </a:solidFill>
                <a:cs typeface="Calibri" panose="020F0502020204030204" pitchFamily="34" charset="0"/>
              </a:endParaRPr>
            </a:p>
          </p:txBody>
        </p:sp>
        <p:sp>
          <p:nvSpPr>
            <p:cNvPr id="97" name="מלבן 96"/>
            <p:cNvSpPr/>
            <p:nvPr/>
          </p:nvSpPr>
          <p:spPr>
            <a:xfrm>
              <a:off x="5807057" y="2707131"/>
              <a:ext cx="1043608"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Chief Gender</a:t>
              </a:r>
            </a:p>
            <a:p>
              <a:pPr algn="ctr" fontAlgn="base">
                <a:spcBef>
                  <a:spcPct val="0"/>
                </a:spcBef>
                <a:spcAft>
                  <a:spcPct val="0"/>
                </a:spcAft>
              </a:pPr>
              <a:r>
                <a:rPr lang="en-US" sz="1100" b="1" kern="0" dirty="0">
                  <a:solidFill>
                    <a:prstClr val="white"/>
                  </a:solidFill>
                  <a:cs typeface="Calibri" panose="020F0502020204030204" pitchFamily="34" charset="0"/>
                </a:rPr>
                <a:t>Advisor</a:t>
              </a:r>
              <a:endParaRPr lang="he-IL" sz="1100" b="1" kern="0" dirty="0">
                <a:solidFill>
                  <a:prstClr val="white"/>
                </a:solidFill>
                <a:cs typeface="Calibri" panose="020F0502020204030204" pitchFamily="34" charset="0"/>
              </a:endParaRPr>
            </a:p>
          </p:txBody>
        </p:sp>
        <p:sp>
          <p:nvSpPr>
            <p:cNvPr id="98" name="מלבן 97"/>
            <p:cNvSpPr/>
            <p:nvPr/>
          </p:nvSpPr>
          <p:spPr>
            <a:xfrm>
              <a:off x="4691441" y="2707131"/>
              <a:ext cx="1043608"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ctr" fontAlgn="base">
                <a:spcBef>
                  <a:spcPct val="0"/>
                </a:spcBef>
                <a:spcAft>
                  <a:spcPct val="0"/>
                </a:spcAft>
              </a:pPr>
              <a:r>
                <a:rPr lang="en-US" sz="1100" b="1" kern="0" dirty="0">
                  <a:solidFill>
                    <a:prstClr val="white"/>
                  </a:solidFill>
                  <a:cs typeface="Calibri" panose="020F0502020204030204" pitchFamily="34" charset="0"/>
                </a:rPr>
                <a:t>Financial</a:t>
              </a:r>
            </a:p>
            <a:p>
              <a:pPr algn="ctr" fontAlgn="base">
                <a:spcBef>
                  <a:spcPct val="0"/>
                </a:spcBef>
                <a:spcAft>
                  <a:spcPct val="0"/>
                </a:spcAft>
              </a:pPr>
              <a:r>
                <a:rPr lang="en-US" sz="1100" b="1" kern="0" dirty="0">
                  <a:solidFill>
                    <a:prstClr val="white"/>
                  </a:solidFill>
                  <a:cs typeface="Calibri" panose="020F0502020204030204" pitchFamily="34" charset="0"/>
                </a:rPr>
                <a:t>Advisor</a:t>
              </a:r>
              <a:endParaRPr lang="he-IL" sz="1100" b="1" kern="0" dirty="0">
                <a:solidFill>
                  <a:prstClr val="white"/>
                </a:solidFill>
                <a:cs typeface="Calibri" panose="020F0502020204030204" pitchFamily="34" charset="0"/>
              </a:endParaRPr>
            </a:p>
          </p:txBody>
        </p:sp>
        <p:cxnSp>
          <p:nvCxnSpPr>
            <p:cNvPr id="99" name="מחבר ישר 2"/>
            <p:cNvCxnSpPr/>
            <p:nvPr/>
          </p:nvCxnSpPr>
          <p:spPr>
            <a:xfrm>
              <a:off x="5220896" y="2527131"/>
              <a:ext cx="3348000"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100" name="מחבר ישר 99"/>
            <p:cNvCxnSpPr/>
            <p:nvPr/>
          </p:nvCxnSpPr>
          <p:spPr>
            <a:xfrm>
              <a:off x="7454974" y="2527131"/>
              <a:ext cx="0" cy="180000"/>
            </a:xfrm>
            <a:prstGeom prst="line">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pic>
          <p:nvPicPr>
            <p:cNvPr id="4" name="תמונה 3"/>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8712520" y="4324950"/>
              <a:ext cx="360000" cy="360000"/>
            </a:xfrm>
            <a:prstGeom prst="rect">
              <a:avLst/>
            </a:prstGeom>
            <a:effectLst>
              <a:outerShdw blurRad="63500" sx="102000" sy="102000" algn="ctr" rotWithShape="0">
                <a:prstClr val="black">
                  <a:alpha val="40000"/>
                </a:prstClr>
              </a:outerShdw>
            </a:effectLst>
          </p:spPr>
        </p:pic>
        <p:pic>
          <p:nvPicPr>
            <p:cNvPr id="5" name="תמונה 4"/>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7546420" y="4325745"/>
              <a:ext cx="360000" cy="360000"/>
            </a:xfrm>
            <a:prstGeom prst="rect">
              <a:avLst/>
            </a:prstGeom>
            <a:effectLst>
              <a:outerShdw blurRad="63500" sx="102000" sy="102000" algn="ctr" rotWithShape="0">
                <a:prstClr val="black">
                  <a:alpha val="40000"/>
                </a:prstClr>
              </a:outerShdw>
            </a:effectLst>
          </p:spPr>
        </p:pic>
        <p:pic>
          <p:nvPicPr>
            <p:cNvPr id="7" name="תמונה 6"/>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7550066" y="5064750"/>
              <a:ext cx="360000" cy="360000"/>
            </a:xfrm>
            <a:prstGeom prst="rect">
              <a:avLst/>
            </a:prstGeom>
            <a:effectLst>
              <a:outerShdw blurRad="63500" sx="102000" sy="102000" algn="ctr" rotWithShape="0">
                <a:prstClr val="black">
                  <a:alpha val="40000"/>
                </a:prstClr>
              </a:outerShdw>
            </a:effectLst>
          </p:spPr>
        </p:pic>
        <p:pic>
          <p:nvPicPr>
            <p:cNvPr id="8" name="תמונה 7"/>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6538486" y="5482909"/>
              <a:ext cx="360000" cy="360000"/>
            </a:xfrm>
            <a:prstGeom prst="rect">
              <a:avLst/>
            </a:prstGeom>
            <a:effectLst>
              <a:outerShdw blurRad="63500" sx="102000" sy="102000" algn="ctr" rotWithShape="0">
                <a:prstClr val="black">
                  <a:alpha val="40000"/>
                </a:prstClr>
              </a:outerShdw>
            </a:effectLst>
          </p:spPr>
        </p:pic>
        <p:pic>
          <p:nvPicPr>
            <p:cNvPr id="9" name="תמונה 8"/>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5457225" y="5481720"/>
              <a:ext cx="360000" cy="360000"/>
            </a:xfrm>
            <a:prstGeom prst="rect">
              <a:avLst/>
            </a:prstGeom>
            <a:effectLst>
              <a:outerShdw blurRad="63500" sx="102000" sy="102000" algn="ctr" rotWithShape="0">
                <a:prstClr val="black">
                  <a:alpha val="40000"/>
                </a:prstClr>
              </a:outerShdw>
            </a:effectLst>
          </p:spPr>
        </p:pic>
        <p:pic>
          <p:nvPicPr>
            <p:cNvPr id="10" name="תמונה 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4293151" y="5480163"/>
              <a:ext cx="360000" cy="360000"/>
            </a:xfrm>
            <a:prstGeom prst="rect">
              <a:avLst/>
            </a:prstGeom>
            <a:effectLst>
              <a:outerShdw blurRad="63500" sx="102000" sy="102000" algn="ctr" rotWithShape="0">
                <a:prstClr val="black">
                  <a:alpha val="40000"/>
                </a:prstClr>
              </a:outerShdw>
            </a:effectLst>
          </p:spPr>
        </p:pic>
        <p:pic>
          <p:nvPicPr>
            <p:cNvPr id="11" name="תמונה 10"/>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6041873" y="4547977"/>
              <a:ext cx="360000" cy="360000"/>
            </a:xfrm>
            <a:prstGeom prst="rect">
              <a:avLst/>
            </a:prstGeom>
            <a:effectLst>
              <a:outerShdw blurRad="63500" sx="102000" sy="102000" algn="ctr" rotWithShape="0">
                <a:prstClr val="black">
                  <a:alpha val="40000"/>
                </a:prstClr>
              </a:outerShdw>
            </a:effectLst>
          </p:spPr>
        </p:pic>
        <p:pic>
          <p:nvPicPr>
            <p:cNvPr id="12" name="תמונה 11"/>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4777854" y="4546692"/>
              <a:ext cx="360000" cy="360000"/>
            </a:xfrm>
            <a:prstGeom prst="rect">
              <a:avLst/>
            </a:prstGeom>
            <a:effectLst>
              <a:outerShdw blurRad="63500" sx="102000" sy="102000" algn="ctr" rotWithShape="0">
                <a:prstClr val="black">
                  <a:alpha val="40000"/>
                </a:prstClr>
              </a:outerShdw>
            </a:effectLst>
          </p:spPr>
        </p:pic>
        <p:pic>
          <p:nvPicPr>
            <p:cNvPr id="13" name="תמונה 12"/>
            <p:cNvPicPr>
              <a:picLocks noChangeAspect="1"/>
            </p:cNvPicPr>
            <p:nvPr/>
          </p:nvPicPr>
          <p:blipFill rotWithShape="1">
            <a:blip r:embed="rId10" cstate="print">
              <a:extLst>
                <a:ext uri="{28A0092B-C50C-407E-A947-70E740481C1C}">
                  <a14:useLocalDpi xmlns:a14="http://schemas.microsoft.com/office/drawing/2010/main" val="0"/>
                </a:ext>
              </a:extLst>
            </a:blip>
            <a:srcRect b="860"/>
            <a:stretch/>
          </p:blipFill>
          <p:spPr>
            <a:xfrm>
              <a:off x="3038403" y="4431196"/>
              <a:ext cx="540000" cy="535352"/>
            </a:xfrm>
            <a:prstGeom prst="rect">
              <a:avLst/>
            </a:prstGeom>
            <a:effectLst>
              <a:outerShdw blurRad="63500" sx="102000" sy="102000" algn="ctr" rotWithShape="0">
                <a:prstClr val="black">
                  <a:alpha val="40000"/>
                </a:prstClr>
              </a:outerShdw>
            </a:effectLst>
          </p:spPr>
        </p:pic>
        <p:pic>
          <p:nvPicPr>
            <p:cNvPr id="14" name="תמונה 13"/>
            <p:cNvPicPr>
              <a:picLocks noChangeAspect="1"/>
            </p:cNvPicPr>
            <p:nvPr/>
          </p:nvPicPr>
          <p:blipFill rotWithShape="1">
            <a:blip r:embed="rId11" cstate="print">
              <a:extLst>
                <a:ext uri="{28A0092B-C50C-407E-A947-70E740481C1C}">
                  <a14:useLocalDpi xmlns:a14="http://schemas.microsoft.com/office/drawing/2010/main" val="0"/>
                </a:ext>
              </a:extLst>
            </a:blip>
            <a:srcRect t="-793" b="7448"/>
            <a:stretch/>
          </p:blipFill>
          <p:spPr>
            <a:xfrm>
              <a:off x="726762" y="4446636"/>
              <a:ext cx="540000" cy="504056"/>
            </a:xfrm>
            <a:prstGeom prst="rect">
              <a:avLst/>
            </a:prstGeom>
            <a:effectLst>
              <a:outerShdw blurRad="63500" sx="102000" sy="102000" algn="ctr" rotWithShape="0">
                <a:prstClr val="black">
                  <a:alpha val="40000"/>
                </a:prstClr>
              </a:outerShdw>
            </a:effectLst>
          </p:spPr>
        </p:pic>
        <p:pic>
          <p:nvPicPr>
            <p:cNvPr id="15" name="תמונה 14"/>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1956558" y="4546692"/>
              <a:ext cx="360000" cy="360000"/>
            </a:xfrm>
            <a:prstGeom prst="rect">
              <a:avLst/>
            </a:prstGeom>
            <a:effectLst>
              <a:outerShdw blurRad="63500" sx="102000" sy="102000" algn="ctr" rotWithShape="0">
                <a:prstClr val="black">
                  <a:alpha val="40000"/>
                </a:prstClr>
              </a:outerShdw>
            </a:effectLst>
          </p:spPr>
        </p:pic>
        <p:pic>
          <p:nvPicPr>
            <p:cNvPr id="75" name="תמונה 74"/>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2493522" y="5483786"/>
              <a:ext cx="360000" cy="360000"/>
            </a:xfrm>
            <a:prstGeom prst="rect">
              <a:avLst/>
            </a:prstGeom>
            <a:effectLst>
              <a:outerShdw blurRad="63500" sx="102000" sy="102000" algn="ctr" rotWithShape="0">
                <a:prstClr val="black">
                  <a:alpha val="40000"/>
                </a:prstClr>
              </a:outerShdw>
            </a:effectLst>
          </p:spPr>
        </p:pic>
        <p:pic>
          <p:nvPicPr>
            <p:cNvPr id="76" name="תמונה 75"/>
            <p:cNvPicPr>
              <a:picLocks noChangeAspect="1"/>
            </p:cNvPicPr>
            <p:nvPr/>
          </p:nvPicPr>
          <p:blipFill>
            <a:blip r:embed="rId12" cstate="print">
              <a:extLst>
                <a:ext uri="{28A0092B-C50C-407E-A947-70E740481C1C}">
                  <a14:useLocalDpi xmlns:a14="http://schemas.microsoft.com/office/drawing/2010/main" val="0"/>
                </a:ext>
              </a:extLst>
            </a:blip>
            <a:stretch>
              <a:fillRect/>
            </a:stretch>
          </p:blipFill>
          <p:spPr>
            <a:xfrm>
              <a:off x="8712520" y="5055083"/>
              <a:ext cx="382390" cy="382390"/>
            </a:xfrm>
            <a:prstGeom prst="rect">
              <a:avLst/>
            </a:prstGeom>
            <a:effectLst>
              <a:outerShdw blurRad="63500" sx="102000" sy="102000" algn="ctr" rotWithShape="0">
                <a:prstClr val="black">
                  <a:alpha val="40000"/>
                </a:prstClr>
              </a:outerShdw>
            </a:effectLst>
          </p:spPr>
        </p:pic>
        <p:pic>
          <p:nvPicPr>
            <p:cNvPr id="16" name="תמונה 15"/>
            <p:cNvPicPr>
              <a:picLocks noChangeAspect="1"/>
            </p:cNvPicPr>
            <p:nvPr/>
          </p:nvPicPr>
          <p:blipFill>
            <a:blip r:embed="rId13" cstate="print">
              <a:extLst>
                <a:ext uri="{28A0092B-C50C-407E-A947-70E740481C1C}">
                  <a14:useLocalDpi xmlns:a14="http://schemas.microsoft.com/office/drawing/2010/main" val="0"/>
                </a:ext>
              </a:extLst>
            </a:blip>
            <a:stretch>
              <a:fillRect/>
            </a:stretch>
          </p:blipFill>
          <p:spPr>
            <a:xfrm>
              <a:off x="6696444" y="2717597"/>
              <a:ext cx="360000" cy="360000"/>
            </a:xfrm>
            <a:prstGeom prst="rect">
              <a:avLst/>
            </a:prstGeom>
            <a:effectLst>
              <a:outerShdw blurRad="63500" sx="102000" sy="102000" algn="ctr" rotWithShape="0">
                <a:prstClr val="black">
                  <a:alpha val="40000"/>
                </a:prstClr>
              </a:outerShdw>
            </a:effectLst>
          </p:spPr>
        </p:pic>
        <p:pic>
          <p:nvPicPr>
            <p:cNvPr id="17" name="תמונה 16"/>
            <p:cNvPicPr>
              <a:picLocks noChangeAspect="1"/>
            </p:cNvPicPr>
            <p:nvPr/>
          </p:nvPicPr>
          <p:blipFill>
            <a:blip r:embed="rId14" cstate="print">
              <a:extLst>
                <a:ext uri="{28A0092B-C50C-407E-A947-70E740481C1C}">
                  <a14:useLocalDpi xmlns:a14="http://schemas.microsoft.com/office/drawing/2010/main" val="0"/>
                </a:ext>
              </a:extLst>
            </a:blip>
            <a:stretch>
              <a:fillRect/>
            </a:stretch>
          </p:blipFill>
          <p:spPr>
            <a:xfrm>
              <a:off x="8712716" y="2672544"/>
              <a:ext cx="432000" cy="432000"/>
            </a:xfrm>
            <a:prstGeom prst="rect">
              <a:avLst/>
            </a:prstGeom>
            <a:effectLst>
              <a:outerShdw blurRad="63500" sx="102000" sy="102000" algn="ctr" rotWithShape="0">
                <a:prstClr val="black">
                  <a:alpha val="40000"/>
                </a:prstClr>
              </a:outerShdw>
            </a:effectLst>
          </p:spPr>
        </p:pic>
        <p:pic>
          <p:nvPicPr>
            <p:cNvPr id="18" name="תמונה 17"/>
            <p:cNvPicPr>
              <a:picLocks noChangeAspect="1"/>
            </p:cNvPicPr>
            <p:nvPr/>
          </p:nvPicPr>
          <p:blipFill>
            <a:blip r:embed="rId15" cstate="print">
              <a:extLst>
                <a:ext uri="{28A0092B-C50C-407E-A947-70E740481C1C}">
                  <a14:useLocalDpi xmlns:a14="http://schemas.microsoft.com/office/drawing/2010/main" val="0"/>
                </a:ext>
              </a:extLst>
            </a:blip>
            <a:stretch>
              <a:fillRect/>
            </a:stretch>
          </p:blipFill>
          <p:spPr>
            <a:xfrm>
              <a:off x="7738672" y="2713253"/>
              <a:ext cx="360000" cy="360000"/>
            </a:xfrm>
            <a:prstGeom prst="rect">
              <a:avLst/>
            </a:prstGeom>
            <a:effectLst>
              <a:outerShdw blurRad="63500" sx="102000" sy="102000" algn="ctr" rotWithShape="0">
                <a:prstClr val="black">
                  <a:alpha val="40000"/>
                </a:prstClr>
              </a:outerShdw>
            </a:effectLst>
          </p:spPr>
        </p:pic>
        <p:pic>
          <p:nvPicPr>
            <p:cNvPr id="19" name="תמונה 18"/>
            <p:cNvPicPr>
              <a:picLocks noChangeAspect="1"/>
            </p:cNvPicPr>
            <p:nvPr/>
          </p:nvPicPr>
          <p:blipFill>
            <a:blip r:embed="rId16">
              <a:extLst>
                <a:ext uri="{28A0092B-C50C-407E-A947-70E740481C1C}">
                  <a14:useLocalDpi xmlns:a14="http://schemas.microsoft.com/office/drawing/2010/main" val="0"/>
                </a:ext>
              </a:extLst>
            </a:blip>
            <a:stretch>
              <a:fillRect/>
            </a:stretch>
          </p:blipFill>
          <p:spPr>
            <a:xfrm>
              <a:off x="5517556" y="2662661"/>
              <a:ext cx="288000" cy="448940"/>
            </a:xfrm>
            <a:prstGeom prst="rect">
              <a:avLst/>
            </a:prstGeom>
            <a:effectLst>
              <a:outerShdw blurRad="63500" sx="102000" sy="102000" algn="ctr" rotWithShape="0">
                <a:prstClr val="black">
                  <a:alpha val="40000"/>
                </a:prstClr>
              </a:outerShdw>
            </a:effectLst>
          </p:spPr>
        </p:pic>
      </p:grpSp>
      <p:pic>
        <p:nvPicPr>
          <p:cNvPr id="21" name="תמונה 20"/>
          <p:cNvPicPr>
            <a:picLocks noChangeAspect="1"/>
          </p:cNvPicPr>
          <p:nvPr/>
        </p:nvPicPr>
        <p:blipFill>
          <a:blip r:embed="rId17" cstate="print">
            <a:extLst>
              <a:ext uri="{28A0092B-C50C-407E-A947-70E740481C1C}">
                <a14:useLocalDpi xmlns:a14="http://schemas.microsoft.com/office/drawing/2010/main" val="0"/>
              </a:ext>
            </a:extLst>
          </a:blip>
          <a:stretch>
            <a:fillRect/>
          </a:stretch>
        </p:blipFill>
        <p:spPr>
          <a:xfrm>
            <a:off x="8715527" y="5689871"/>
            <a:ext cx="356810" cy="353260"/>
          </a:xfrm>
          <a:prstGeom prst="rect">
            <a:avLst/>
          </a:prstGeom>
        </p:spPr>
      </p:pic>
      <p:pic>
        <p:nvPicPr>
          <p:cNvPr id="22" name="תמונה 21"/>
          <p:cNvPicPr>
            <a:picLocks noChangeAspect="1"/>
          </p:cNvPicPr>
          <p:nvPr/>
        </p:nvPicPr>
        <p:blipFill>
          <a:blip r:embed="rId18" cstate="print">
            <a:extLst>
              <a:ext uri="{28A0092B-C50C-407E-A947-70E740481C1C}">
                <a14:useLocalDpi xmlns:a14="http://schemas.microsoft.com/office/drawing/2010/main" val="0"/>
              </a:ext>
            </a:extLst>
          </a:blip>
          <a:stretch>
            <a:fillRect/>
          </a:stretch>
        </p:blipFill>
        <p:spPr>
          <a:xfrm>
            <a:off x="7529615" y="5669696"/>
            <a:ext cx="393610" cy="393610"/>
          </a:xfrm>
          <a:prstGeom prst="rect">
            <a:avLst/>
          </a:prstGeom>
        </p:spPr>
      </p:pic>
      <p:pic>
        <p:nvPicPr>
          <p:cNvPr id="101" name="תמונה 100"/>
          <p:cNvPicPr>
            <a:picLocks noChangeAspect="1"/>
          </p:cNvPicPr>
          <p:nvPr/>
        </p:nvPicPr>
        <p:blipFill>
          <a:blip r:embed="rId19" cstate="print">
            <a:extLst>
              <a:ext uri="{28A0092B-C50C-407E-A947-70E740481C1C}">
                <a14:useLocalDpi xmlns:a14="http://schemas.microsoft.com/office/drawing/2010/main" val="0"/>
              </a:ext>
            </a:extLst>
          </a:blip>
          <a:stretch>
            <a:fillRect/>
          </a:stretch>
        </p:blipFill>
        <p:spPr>
          <a:xfrm>
            <a:off x="627888" y="6148958"/>
            <a:ext cx="432000" cy="322387"/>
          </a:xfrm>
          <a:prstGeom prst="rect">
            <a:avLst/>
          </a:prstGeom>
          <a:effectLst>
            <a:outerShdw blurRad="63500" sx="102000" sy="102000" algn="ctr" rotWithShape="0">
              <a:prstClr val="black">
                <a:alpha val="40000"/>
              </a:prstClr>
            </a:outerShdw>
          </a:effectLst>
        </p:spPr>
      </p:pic>
      <p:pic>
        <p:nvPicPr>
          <p:cNvPr id="102" name="תמונה 101"/>
          <p:cNvPicPr>
            <a:picLocks noChangeAspect="1"/>
          </p:cNvPicPr>
          <p:nvPr/>
        </p:nvPicPr>
        <p:blipFill rotWithShape="1">
          <a:blip r:embed="rId20" cstate="print">
            <a:extLst>
              <a:ext uri="{28A0092B-C50C-407E-A947-70E740481C1C}">
                <a14:useLocalDpi xmlns:a14="http://schemas.microsoft.com/office/drawing/2010/main" val="0"/>
              </a:ext>
            </a:extLst>
          </a:blip>
          <a:srcRect t="7597" b="-1"/>
          <a:stretch/>
        </p:blipFill>
        <p:spPr>
          <a:xfrm>
            <a:off x="1061286" y="5793359"/>
            <a:ext cx="432000" cy="352704"/>
          </a:xfrm>
          <a:prstGeom prst="rect">
            <a:avLst/>
          </a:prstGeom>
          <a:effectLst>
            <a:outerShdw blurRad="63500" sx="102000" sy="102000" algn="ctr" rotWithShape="0">
              <a:prstClr val="black">
                <a:alpha val="40000"/>
              </a:prstClr>
            </a:outerShdw>
          </a:effectLst>
        </p:spPr>
      </p:pic>
      <p:pic>
        <p:nvPicPr>
          <p:cNvPr id="103" name="תמונה 102"/>
          <p:cNvPicPr>
            <a:picLocks noChangeAspect="1"/>
          </p:cNvPicPr>
          <p:nvPr/>
        </p:nvPicPr>
        <p:blipFill rotWithShape="1">
          <a:blip r:embed="rId21" cstate="print">
            <a:extLst>
              <a:ext uri="{28A0092B-C50C-407E-A947-70E740481C1C}">
                <a14:useLocalDpi xmlns:a14="http://schemas.microsoft.com/office/drawing/2010/main" val="0"/>
              </a:ext>
            </a:extLst>
          </a:blip>
          <a:srcRect t="20373"/>
          <a:stretch/>
        </p:blipFill>
        <p:spPr>
          <a:xfrm>
            <a:off x="1060587" y="6148274"/>
            <a:ext cx="432000" cy="323756"/>
          </a:xfrm>
          <a:prstGeom prst="rect">
            <a:avLst/>
          </a:prstGeom>
          <a:effectLst>
            <a:outerShdw blurRad="63500" sx="102000" sy="102000" algn="ctr" rotWithShape="0">
              <a:prstClr val="black">
                <a:alpha val="40000"/>
              </a:prstClr>
            </a:outerShdw>
          </a:effectLst>
        </p:spPr>
      </p:pic>
      <p:pic>
        <p:nvPicPr>
          <p:cNvPr id="104" name="תמונה 103"/>
          <p:cNvPicPr>
            <a:picLocks noChangeAspect="1"/>
          </p:cNvPicPr>
          <p:nvPr/>
        </p:nvPicPr>
        <p:blipFill>
          <a:blip r:embed="rId22" cstate="print">
            <a:extLst>
              <a:ext uri="{28A0092B-C50C-407E-A947-70E740481C1C}">
                <a14:useLocalDpi xmlns:a14="http://schemas.microsoft.com/office/drawing/2010/main" val="0"/>
              </a:ext>
            </a:extLst>
          </a:blip>
          <a:stretch>
            <a:fillRect/>
          </a:stretch>
        </p:blipFill>
        <p:spPr>
          <a:xfrm>
            <a:off x="628587" y="5867106"/>
            <a:ext cx="432000" cy="301089"/>
          </a:xfrm>
          <a:prstGeom prst="rect">
            <a:avLst/>
          </a:prstGeom>
          <a:effectLst>
            <a:outerShdw blurRad="63500" sx="102000" sy="102000" algn="ctr" rotWithShape="0">
              <a:prstClr val="black">
                <a:alpha val="40000"/>
              </a:prstClr>
            </a:outerShdw>
          </a:effectLst>
        </p:spPr>
      </p:pic>
      <p:cxnSp>
        <p:nvCxnSpPr>
          <p:cNvPr id="105" name="מחבר ישר 2"/>
          <p:cNvCxnSpPr/>
          <p:nvPr/>
        </p:nvCxnSpPr>
        <p:spPr>
          <a:xfrm>
            <a:off x="7866982" y="6433296"/>
            <a:ext cx="177037" cy="0"/>
          </a:xfrm>
          <a:prstGeom prst="straightConnector1">
            <a:avLst/>
          </a:prstGeom>
          <a:ln w="19050">
            <a:solidFill>
              <a:schemeClr val="tx1"/>
            </a:solidFill>
          </a:ln>
        </p:spPr>
        <p:style>
          <a:lnRef idx="1">
            <a:schemeClr val="accent1"/>
          </a:lnRef>
          <a:fillRef idx="0">
            <a:schemeClr val="accent1"/>
          </a:fillRef>
          <a:effectRef idx="0">
            <a:schemeClr val="accent1"/>
          </a:effectRef>
          <a:fontRef idx="minor">
            <a:schemeClr val="tx1"/>
          </a:fontRef>
        </p:style>
      </p:cxnSp>
      <p:sp>
        <p:nvSpPr>
          <p:cNvPr id="106" name="מלבן 105"/>
          <p:cNvSpPr/>
          <p:nvPr/>
        </p:nvSpPr>
        <p:spPr>
          <a:xfrm>
            <a:off x="6850665" y="6246621"/>
            <a:ext cx="1063641" cy="360000"/>
          </a:xfrm>
          <a:prstGeom prst="rect">
            <a:avLst/>
          </a:prstGeom>
          <a:solidFill>
            <a:schemeClr val="tx2"/>
          </a:solidFill>
          <a:ln w="9525" cap="flat" cmpd="sng" algn="ctr">
            <a:noFill/>
            <a:prstDash val="solid"/>
          </a:ln>
          <a:effectLst>
            <a:outerShdw blurRad="40000" dist="20000" dir="5400000" rotWithShape="0">
              <a:srgbClr val="000000">
                <a:alpha val="38000"/>
              </a:srgbClr>
            </a:outerShdw>
          </a:effectLst>
        </p:spPr>
        <p:txBody>
          <a:bodyPr rtlCol="1" anchor="ctr"/>
          <a:lstStyle/>
          <a:p>
            <a:pPr algn="l" fontAlgn="base">
              <a:spcBef>
                <a:spcPct val="0"/>
              </a:spcBef>
              <a:spcAft>
                <a:spcPct val="0"/>
              </a:spcAft>
            </a:pPr>
            <a:r>
              <a:rPr lang="en-US" sz="1050" b="1" kern="0" dirty="0" smtClean="0">
                <a:solidFill>
                  <a:prstClr val="white"/>
                </a:solidFill>
                <a:cs typeface="Calibri" panose="020F0502020204030204" pitchFamily="34" charset="0"/>
              </a:rPr>
              <a:t>IDF Colleges</a:t>
            </a:r>
            <a:endParaRPr lang="he-IL" sz="1050" b="1" kern="0" dirty="0">
              <a:solidFill>
                <a:prstClr val="white"/>
              </a:solidFill>
              <a:cs typeface="Calibri" panose="020F0502020204030204" pitchFamily="34" charset="0"/>
            </a:endParaRPr>
          </a:p>
        </p:txBody>
      </p:sp>
      <p:pic>
        <p:nvPicPr>
          <p:cNvPr id="107" name="תמונה 106"/>
          <p:cNvPicPr/>
          <p:nvPr/>
        </p:nvPicPr>
        <p:blipFill>
          <a:blip r:embed="rId23" cstate="print">
            <a:clrChange>
              <a:clrFrom>
                <a:srgbClr val="FFFFFF"/>
              </a:clrFrom>
              <a:clrTo>
                <a:srgbClr val="FFFFFF">
                  <a:alpha val="0"/>
                </a:srgbClr>
              </a:clrTo>
            </a:clrChange>
            <a:extLst>
              <a:ext uri="{28A0092B-C50C-407E-A947-70E740481C1C}">
                <a14:useLocalDpi xmlns:a14="http://schemas.microsoft.com/office/drawing/2010/main" val="0"/>
              </a:ext>
            </a:extLst>
          </a:blip>
          <a:srcRect/>
          <a:stretch>
            <a:fillRect/>
          </a:stretch>
        </p:blipFill>
        <p:spPr bwMode="auto">
          <a:xfrm>
            <a:off x="7596336" y="6249806"/>
            <a:ext cx="318665" cy="356815"/>
          </a:xfrm>
          <a:prstGeom prst="rect">
            <a:avLst/>
          </a:prstGeom>
          <a:noFill/>
          <a:ln>
            <a:noFill/>
          </a:ln>
        </p:spPr>
      </p:pic>
    </p:spTree>
    <p:extLst>
      <p:ext uri="{BB962C8B-B14F-4D97-AF65-F5344CB8AC3E}">
        <p14:creationId xmlns:p14="http://schemas.microsoft.com/office/powerpoint/2010/main" val="2299286825"/>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כותרת 5"/>
          <p:cNvSpPr>
            <a:spLocks noGrp="1"/>
          </p:cNvSpPr>
          <p:nvPr>
            <p:ph type="title" idx="4294967295"/>
          </p:nvPr>
        </p:nvSpPr>
        <p:spPr>
          <a:xfrm>
            <a:off x="-261257" y="1887"/>
            <a:ext cx="9144000" cy="764704"/>
          </a:xfrm>
          <a:prstGeom prst="rect">
            <a:avLst/>
          </a:prstGeom>
        </p:spPr>
        <p:txBody>
          <a:bodyPr anchor="ctr"/>
          <a:lstStyle/>
          <a:p>
            <a:pPr algn="ctr"/>
            <a:r>
              <a:rPr lang="en-US" sz="3200" b="1" dirty="0" smtClean="0">
                <a:latin typeface="+mn-lt"/>
                <a:cs typeface="David" panose="020E0502060401010101" pitchFamily="34" charset="-79"/>
              </a:rPr>
              <a:t>IDF Ranks </a:t>
            </a:r>
            <a:r>
              <a:rPr lang="en-US" sz="3200" b="1" dirty="0">
                <a:latin typeface="+mn-lt"/>
                <a:cs typeface="David" panose="020E0502060401010101" pitchFamily="34" charset="-79"/>
              </a:rPr>
              <a:t>and Positions</a:t>
            </a:r>
            <a:endParaRPr lang="he-IL" sz="3200" b="1" dirty="0">
              <a:latin typeface="+mn-lt"/>
              <a:cs typeface="David" panose="020E0502060401010101" pitchFamily="34" charset="-79"/>
            </a:endParaRPr>
          </a:p>
        </p:txBody>
      </p:sp>
      <p:sp>
        <p:nvSpPr>
          <p:cNvPr id="3" name="מלבן 2"/>
          <p:cNvSpPr/>
          <p:nvPr/>
        </p:nvSpPr>
        <p:spPr>
          <a:xfrm>
            <a:off x="461934" y="1451185"/>
            <a:ext cx="8215370" cy="5072098"/>
          </a:xfrm>
          <a:prstGeom prst="rect">
            <a:avLst/>
          </a:prstGeom>
          <a:noFill/>
        </p:spPr>
      </p:sp>
      <p:sp>
        <p:nvSpPr>
          <p:cNvPr id="4" name="צורה חופשית 3"/>
          <p:cNvSpPr/>
          <p:nvPr/>
        </p:nvSpPr>
        <p:spPr>
          <a:xfrm>
            <a:off x="462936" y="1451185"/>
            <a:ext cx="2607417" cy="5072098"/>
          </a:xfrm>
          <a:custGeom>
            <a:avLst/>
            <a:gdLst>
              <a:gd name="connsiteX0" fmla="*/ 0 w 2607417"/>
              <a:gd name="connsiteY0" fmla="*/ 0 h 5072098"/>
              <a:gd name="connsiteX1" fmla="*/ 2607417 w 2607417"/>
              <a:gd name="connsiteY1" fmla="*/ 0 h 5072098"/>
              <a:gd name="connsiteX2" fmla="*/ 2607417 w 2607417"/>
              <a:gd name="connsiteY2" fmla="*/ 5072098 h 5072098"/>
              <a:gd name="connsiteX3" fmla="*/ 0 w 2607417"/>
              <a:gd name="connsiteY3" fmla="*/ 5072098 h 5072098"/>
              <a:gd name="connsiteX4" fmla="*/ 0 w 2607417"/>
              <a:gd name="connsiteY4" fmla="*/ 0 h 507209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07417" h="5072098">
                <a:moveTo>
                  <a:pt x="0" y="0"/>
                </a:moveTo>
                <a:lnTo>
                  <a:pt x="2607417" y="0"/>
                </a:lnTo>
                <a:lnTo>
                  <a:pt x="2607417" y="5072098"/>
                </a:lnTo>
                <a:lnTo>
                  <a:pt x="0" y="5072098"/>
                </a:lnTo>
                <a:lnTo>
                  <a:pt x="0" y="0"/>
                </a:lnTo>
                <a:close/>
              </a:path>
            </a:pathLst>
          </a:custGeom>
          <a:solidFill>
            <a:schemeClr val="accent3">
              <a:lumMod val="20000"/>
              <a:lumOff val="80000"/>
            </a:schemeClr>
          </a:solidFill>
          <a:ln>
            <a:noFill/>
          </a:ln>
        </p:spPr>
        <p:style>
          <a:lnRef idx="2">
            <a:schemeClr val="accent3"/>
          </a:lnRef>
          <a:fillRef idx="1">
            <a:schemeClr val="lt1"/>
          </a:fillRef>
          <a:effectRef idx="0">
            <a:schemeClr val="accent3"/>
          </a:effectRef>
          <a:fontRef idx="minor">
            <a:schemeClr val="dk1">
              <a:hueOff val="0"/>
              <a:satOff val="0"/>
              <a:lumOff val="0"/>
              <a:alphaOff val="0"/>
            </a:schemeClr>
          </a:fontRef>
        </p:style>
        <p:txBody>
          <a:bodyPr spcFirstLastPara="0" vert="horz" wrap="square" lIns="106680" tIns="106680" rIns="106680" bIns="3657149" numCol="1" spcCol="1270" anchor="ctr" anchorCtr="0">
            <a:noAutofit/>
          </a:bodyPr>
          <a:lstStyle/>
          <a:p>
            <a:pPr lvl="0" algn="ctr" defTabSz="1244600" rtl="1">
              <a:lnSpc>
                <a:spcPct val="90000"/>
              </a:lnSpc>
              <a:spcBef>
                <a:spcPct val="0"/>
              </a:spcBef>
              <a:spcAft>
                <a:spcPct val="35000"/>
              </a:spcAft>
            </a:pPr>
            <a:r>
              <a:rPr lang="en-US" sz="2800" b="1" kern="1200" dirty="0" smtClean="0">
                <a:latin typeface="Calibri" panose="020F0502020204030204" pitchFamily="34" charset="0"/>
                <a:cs typeface="Calibri" panose="020F0502020204030204" pitchFamily="34" charset="0"/>
              </a:rPr>
              <a:t>Command</a:t>
            </a:r>
          </a:p>
          <a:p>
            <a:pPr lvl="0" algn="ctr" defTabSz="1244600" rtl="1">
              <a:lnSpc>
                <a:spcPct val="90000"/>
              </a:lnSpc>
              <a:spcBef>
                <a:spcPct val="0"/>
              </a:spcBef>
              <a:spcAft>
                <a:spcPct val="35000"/>
              </a:spcAft>
            </a:pPr>
            <a:r>
              <a:rPr lang="en-US" sz="1800" b="1" kern="1200" dirty="0" smtClean="0">
                <a:latin typeface="Calibri" panose="020F0502020204030204" pitchFamily="34" charset="0"/>
                <a:cs typeface="Calibri" panose="020F0502020204030204" pitchFamily="34" charset="0"/>
              </a:rPr>
              <a:t>(Deployable Forces)</a:t>
            </a:r>
            <a:endParaRPr lang="he-IL" sz="2800" b="1" u="none" kern="1200" dirty="0">
              <a:latin typeface="Calibri" panose="020F0502020204030204" pitchFamily="34" charset="0"/>
              <a:cs typeface="David" panose="020E0502060401010101" pitchFamily="34" charset="-79"/>
            </a:endParaRPr>
          </a:p>
        </p:txBody>
      </p:sp>
      <p:sp>
        <p:nvSpPr>
          <p:cNvPr id="5" name="צורה חופשית 4"/>
          <p:cNvSpPr/>
          <p:nvPr/>
        </p:nvSpPr>
        <p:spPr>
          <a:xfrm>
            <a:off x="723678" y="2973062"/>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Command</a:t>
            </a:r>
            <a:endParaRPr lang="he-IL" sz="2400" b="1" kern="1200" dirty="0">
              <a:solidFill>
                <a:schemeClr val="bg1"/>
              </a:solidFill>
              <a:latin typeface="Calibri" panose="020F0502020204030204" pitchFamily="34" charset="0"/>
              <a:cs typeface="Calibri" panose="020F0502020204030204" pitchFamily="34" charset="0"/>
            </a:endParaRPr>
          </a:p>
        </p:txBody>
      </p:sp>
      <p:sp>
        <p:nvSpPr>
          <p:cNvPr id="7" name="צורה חופשית 6"/>
          <p:cNvSpPr/>
          <p:nvPr/>
        </p:nvSpPr>
        <p:spPr>
          <a:xfrm>
            <a:off x="723678" y="3534943"/>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ivision</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8" name="צורה חופשית 7"/>
          <p:cNvSpPr/>
          <p:nvPr/>
        </p:nvSpPr>
        <p:spPr>
          <a:xfrm>
            <a:off x="723678" y="409682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Brigade</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9" name="צורה חופשית 8"/>
          <p:cNvSpPr/>
          <p:nvPr/>
        </p:nvSpPr>
        <p:spPr>
          <a:xfrm>
            <a:off x="723678" y="465870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Battalion</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10" name="צורה חופשית 9"/>
          <p:cNvSpPr/>
          <p:nvPr/>
        </p:nvSpPr>
        <p:spPr>
          <a:xfrm>
            <a:off x="723678" y="5220585"/>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Company</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11" name="צורה חופשית 10"/>
          <p:cNvSpPr/>
          <p:nvPr/>
        </p:nvSpPr>
        <p:spPr>
          <a:xfrm>
            <a:off x="723678" y="5782466"/>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9BBB59"/>
          </a:solidFill>
          <a:ln>
            <a:noFill/>
          </a:ln>
        </p:spPr>
        <p:style>
          <a:lnRef idx="2">
            <a:schemeClr val="accent3"/>
          </a:lnRef>
          <a:fillRef idx="1">
            <a:schemeClr val="lt1"/>
          </a:fillRef>
          <a:effectRef idx="0">
            <a:schemeClr val="accent3"/>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Platoon</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12" name="צורה חופשית 11"/>
          <p:cNvSpPr/>
          <p:nvPr/>
        </p:nvSpPr>
        <p:spPr>
          <a:xfrm>
            <a:off x="3265910" y="1473529"/>
            <a:ext cx="2607417" cy="5049753"/>
          </a:xfrm>
          <a:custGeom>
            <a:avLst/>
            <a:gdLst>
              <a:gd name="connsiteX0" fmla="*/ 0 w 2607417"/>
              <a:gd name="connsiteY0" fmla="*/ 0 h 5072098"/>
              <a:gd name="connsiteX1" fmla="*/ 2607417 w 2607417"/>
              <a:gd name="connsiteY1" fmla="*/ 0 h 5072098"/>
              <a:gd name="connsiteX2" fmla="*/ 2607417 w 2607417"/>
              <a:gd name="connsiteY2" fmla="*/ 5072098 h 5072098"/>
              <a:gd name="connsiteX3" fmla="*/ 0 w 2607417"/>
              <a:gd name="connsiteY3" fmla="*/ 5072098 h 5072098"/>
              <a:gd name="connsiteX4" fmla="*/ 0 w 2607417"/>
              <a:gd name="connsiteY4" fmla="*/ 0 h 507209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07417" h="5072098">
                <a:moveTo>
                  <a:pt x="0" y="0"/>
                </a:moveTo>
                <a:lnTo>
                  <a:pt x="2607417" y="0"/>
                </a:lnTo>
                <a:lnTo>
                  <a:pt x="2607417" y="5072098"/>
                </a:lnTo>
                <a:lnTo>
                  <a:pt x="0" y="5072098"/>
                </a:lnTo>
                <a:lnTo>
                  <a:pt x="0" y="0"/>
                </a:lnTo>
                <a:close/>
              </a:path>
            </a:pathLst>
          </a:custGeom>
          <a:solidFill>
            <a:schemeClr val="accent2">
              <a:lumMod val="20000"/>
              <a:lumOff val="80000"/>
            </a:schemeClr>
          </a:solidFill>
          <a:ln>
            <a:noFill/>
          </a:ln>
        </p:spPr>
        <p:style>
          <a:lnRef idx="2">
            <a:schemeClr val="accent2"/>
          </a:lnRef>
          <a:fillRef idx="1">
            <a:schemeClr val="lt1"/>
          </a:fillRef>
          <a:effectRef idx="0">
            <a:schemeClr val="accent2"/>
          </a:effectRef>
          <a:fontRef idx="minor">
            <a:schemeClr val="dk1">
              <a:hueOff val="0"/>
              <a:satOff val="0"/>
              <a:lumOff val="0"/>
              <a:alphaOff val="0"/>
            </a:schemeClr>
          </a:fontRef>
        </p:style>
        <p:txBody>
          <a:bodyPr spcFirstLastPara="0" vert="horz" wrap="square" lIns="106680" tIns="106680" rIns="106680" bIns="3657149" numCol="1" spcCol="1270" anchor="ctr" anchorCtr="0">
            <a:noAutofit/>
          </a:bodyPr>
          <a:lstStyle/>
          <a:p>
            <a:pPr lvl="0" algn="ctr" defTabSz="1244600" rtl="1">
              <a:lnSpc>
                <a:spcPct val="90000"/>
              </a:lnSpc>
              <a:spcBef>
                <a:spcPct val="0"/>
              </a:spcBef>
              <a:spcAft>
                <a:spcPct val="35000"/>
              </a:spcAft>
            </a:pPr>
            <a:r>
              <a:rPr lang="en-US" sz="2800" b="1" kern="1200" dirty="0" smtClean="0">
                <a:latin typeface="Calibri" panose="020F0502020204030204" pitchFamily="34" charset="0"/>
                <a:cs typeface="Calibri" panose="020F0502020204030204" pitchFamily="34" charset="0"/>
              </a:rPr>
              <a:t>Rank</a:t>
            </a:r>
            <a:endParaRPr lang="he-IL" sz="3200" b="1" kern="1200" dirty="0">
              <a:latin typeface="Calibri" panose="020F0502020204030204" pitchFamily="34" charset="0"/>
              <a:cs typeface="David" panose="020E0502060401010101" pitchFamily="34" charset="-79"/>
            </a:endParaRPr>
          </a:p>
        </p:txBody>
      </p:sp>
      <p:sp>
        <p:nvSpPr>
          <p:cNvPr id="13" name="צורה חופשית 12"/>
          <p:cNvSpPr/>
          <p:nvPr/>
        </p:nvSpPr>
        <p:spPr>
          <a:xfrm>
            <a:off x="3526652" y="2973062"/>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MG</a:t>
            </a:r>
            <a:endParaRPr lang="he-IL" sz="2400" b="1" kern="1200" dirty="0">
              <a:solidFill>
                <a:schemeClr val="bg1"/>
              </a:solidFill>
              <a:latin typeface="Calibri" panose="020F0502020204030204" pitchFamily="34" charset="0"/>
              <a:cs typeface="Calibri" panose="020F0502020204030204" pitchFamily="34" charset="0"/>
            </a:endParaRPr>
          </a:p>
        </p:txBody>
      </p:sp>
      <p:sp>
        <p:nvSpPr>
          <p:cNvPr id="39" name="צורה חופשית 38"/>
          <p:cNvSpPr/>
          <p:nvPr/>
        </p:nvSpPr>
        <p:spPr>
          <a:xfrm>
            <a:off x="3526652" y="3534943"/>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BG</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0" name="צורה חופשית 39"/>
          <p:cNvSpPr/>
          <p:nvPr/>
        </p:nvSpPr>
        <p:spPr>
          <a:xfrm>
            <a:off x="3526652" y="409682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COL</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1" name="צורה חופשית 40"/>
          <p:cNvSpPr/>
          <p:nvPr/>
        </p:nvSpPr>
        <p:spPr>
          <a:xfrm>
            <a:off x="3526652" y="465870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LTC</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2" name="צורה חופשית 41"/>
          <p:cNvSpPr/>
          <p:nvPr/>
        </p:nvSpPr>
        <p:spPr>
          <a:xfrm>
            <a:off x="3526652" y="5220585"/>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MAJ / CPT</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3" name="צורה חופשית 42"/>
          <p:cNvSpPr/>
          <p:nvPr/>
        </p:nvSpPr>
        <p:spPr>
          <a:xfrm>
            <a:off x="3526652" y="5782466"/>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C0504D"/>
          </a:solidFill>
          <a:ln>
            <a:noFill/>
          </a:ln>
        </p:spPr>
        <p:style>
          <a:lnRef idx="2">
            <a:schemeClr val="accent2"/>
          </a:lnRef>
          <a:fillRef idx="1">
            <a:schemeClr val="lt1"/>
          </a:fillRef>
          <a:effectRef idx="0">
            <a:schemeClr val="accent2"/>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1LT / 2LT</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4" name="צורה חופשית 43"/>
          <p:cNvSpPr/>
          <p:nvPr/>
        </p:nvSpPr>
        <p:spPr>
          <a:xfrm>
            <a:off x="6068883" y="1451185"/>
            <a:ext cx="2607417" cy="5072098"/>
          </a:xfrm>
          <a:custGeom>
            <a:avLst/>
            <a:gdLst>
              <a:gd name="connsiteX0" fmla="*/ 0 w 2607417"/>
              <a:gd name="connsiteY0" fmla="*/ 0 h 5072098"/>
              <a:gd name="connsiteX1" fmla="*/ 2607417 w 2607417"/>
              <a:gd name="connsiteY1" fmla="*/ 0 h 5072098"/>
              <a:gd name="connsiteX2" fmla="*/ 2607417 w 2607417"/>
              <a:gd name="connsiteY2" fmla="*/ 5072098 h 5072098"/>
              <a:gd name="connsiteX3" fmla="*/ 0 w 2607417"/>
              <a:gd name="connsiteY3" fmla="*/ 5072098 h 5072098"/>
              <a:gd name="connsiteX4" fmla="*/ 0 w 2607417"/>
              <a:gd name="connsiteY4" fmla="*/ 0 h 5072098"/>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607417" h="5072098">
                <a:moveTo>
                  <a:pt x="0" y="0"/>
                </a:moveTo>
                <a:lnTo>
                  <a:pt x="2607417" y="0"/>
                </a:lnTo>
                <a:lnTo>
                  <a:pt x="2607417" y="5072098"/>
                </a:lnTo>
                <a:lnTo>
                  <a:pt x="0" y="5072098"/>
                </a:lnTo>
                <a:lnTo>
                  <a:pt x="0" y="0"/>
                </a:lnTo>
                <a:close/>
              </a:path>
            </a:pathLst>
          </a:custGeom>
          <a:solidFill>
            <a:schemeClr val="accent5">
              <a:lumMod val="20000"/>
              <a:lumOff val="80000"/>
            </a:schemeClr>
          </a:solidFill>
          <a:ln>
            <a:noFill/>
          </a:ln>
        </p:spPr>
        <p:style>
          <a:lnRef idx="2">
            <a:schemeClr val="accent5"/>
          </a:lnRef>
          <a:fillRef idx="1">
            <a:schemeClr val="lt1"/>
          </a:fillRef>
          <a:effectRef idx="0">
            <a:schemeClr val="accent5"/>
          </a:effectRef>
          <a:fontRef idx="minor">
            <a:schemeClr val="dk1">
              <a:hueOff val="0"/>
              <a:satOff val="0"/>
              <a:lumOff val="0"/>
              <a:alphaOff val="0"/>
            </a:schemeClr>
          </a:fontRef>
        </p:style>
        <p:txBody>
          <a:bodyPr spcFirstLastPara="0" vert="horz" wrap="square" lIns="106680" tIns="106680" rIns="106680" bIns="3657149" numCol="1" spcCol="1270" anchor="ctr" anchorCtr="0">
            <a:noAutofit/>
          </a:bodyPr>
          <a:lstStyle/>
          <a:p>
            <a:pPr lvl="0" algn="ctr" defTabSz="1244600" rtl="1">
              <a:lnSpc>
                <a:spcPct val="90000"/>
              </a:lnSpc>
              <a:spcBef>
                <a:spcPct val="0"/>
              </a:spcBef>
              <a:spcAft>
                <a:spcPct val="35000"/>
              </a:spcAft>
            </a:pPr>
            <a:r>
              <a:rPr lang="en-US" sz="2800" b="1" kern="1200" dirty="0" smtClean="0">
                <a:latin typeface="Calibri" panose="020F0502020204030204" pitchFamily="34" charset="0"/>
                <a:cs typeface="Calibri" panose="020F0502020204030204" pitchFamily="34" charset="0"/>
              </a:rPr>
              <a:t>Staff</a:t>
            </a:r>
          </a:p>
          <a:p>
            <a:pPr lvl="0" algn="ctr" defTabSz="1244600" rtl="1">
              <a:lnSpc>
                <a:spcPct val="90000"/>
              </a:lnSpc>
              <a:spcBef>
                <a:spcPct val="0"/>
              </a:spcBef>
              <a:spcAft>
                <a:spcPct val="35000"/>
              </a:spcAft>
            </a:pPr>
            <a:r>
              <a:rPr lang="en-US" sz="1800" b="1" kern="1200" dirty="0" smtClean="0">
                <a:latin typeface="Calibri" panose="020F0502020204030204" pitchFamily="34" charset="0"/>
                <a:cs typeface="Calibri" panose="020F0502020204030204" pitchFamily="34" charset="0"/>
              </a:rPr>
              <a:t>(Force Buildup)</a:t>
            </a:r>
            <a:endParaRPr lang="he-IL" sz="2800" kern="1200" dirty="0">
              <a:latin typeface="Calibri" panose="020F0502020204030204" pitchFamily="34" charset="0"/>
              <a:cs typeface="David" panose="020E0502060401010101" pitchFamily="34" charset="-79"/>
            </a:endParaRPr>
          </a:p>
        </p:txBody>
      </p:sp>
      <p:sp>
        <p:nvSpPr>
          <p:cNvPr id="45" name="צורה חופשית 44"/>
          <p:cNvSpPr/>
          <p:nvPr/>
        </p:nvSpPr>
        <p:spPr>
          <a:xfrm>
            <a:off x="6329625" y="2973062"/>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irectorate</a:t>
            </a:r>
            <a:endParaRPr lang="he-IL" sz="3200" b="1" kern="1200" dirty="0">
              <a:solidFill>
                <a:schemeClr val="bg1"/>
              </a:solidFill>
              <a:latin typeface="Calibri" panose="020F0502020204030204" pitchFamily="34" charset="0"/>
              <a:cs typeface="Calibri" panose="020F0502020204030204" pitchFamily="34" charset="0"/>
            </a:endParaRPr>
          </a:p>
        </p:txBody>
      </p:sp>
      <p:sp>
        <p:nvSpPr>
          <p:cNvPr id="46" name="צורה חופשית 45"/>
          <p:cNvSpPr/>
          <p:nvPr/>
        </p:nvSpPr>
        <p:spPr>
          <a:xfrm>
            <a:off x="6329625" y="3534943"/>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ivision</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7" name="צורה חופשית 46"/>
          <p:cNvSpPr/>
          <p:nvPr/>
        </p:nvSpPr>
        <p:spPr>
          <a:xfrm>
            <a:off x="6329625" y="409682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epartment</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8" name="צורה חופשית 47"/>
          <p:cNvSpPr/>
          <p:nvPr/>
        </p:nvSpPr>
        <p:spPr>
          <a:xfrm>
            <a:off x="6329625" y="4658704"/>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Branch</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49" name="צורה חופשית 48"/>
          <p:cNvSpPr/>
          <p:nvPr/>
        </p:nvSpPr>
        <p:spPr>
          <a:xfrm>
            <a:off x="6329625" y="5220585"/>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esk</a:t>
            </a:r>
            <a:endParaRPr lang="he-IL" sz="2000" b="1" kern="1200" dirty="0">
              <a:solidFill>
                <a:schemeClr val="bg1"/>
              </a:solidFill>
              <a:latin typeface="Calibri" panose="020F0502020204030204" pitchFamily="34" charset="0"/>
              <a:cs typeface="Calibri" panose="020F0502020204030204" pitchFamily="34" charset="0"/>
            </a:endParaRPr>
          </a:p>
        </p:txBody>
      </p:sp>
      <p:sp>
        <p:nvSpPr>
          <p:cNvPr id="50" name="צורה חופשית 49"/>
          <p:cNvSpPr/>
          <p:nvPr/>
        </p:nvSpPr>
        <p:spPr>
          <a:xfrm>
            <a:off x="6329625" y="5782466"/>
            <a:ext cx="2085933" cy="486963"/>
          </a:xfrm>
          <a:custGeom>
            <a:avLst/>
            <a:gdLst>
              <a:gd name="connsiteX0" fmla="*/ 0 w 2085933"/>
              <a:gd name="connsiteY0" fmla="*/ 0 h 486963"/>
              <a:gd name="connsiteX1" fmla="*/ 2085933 w 2085933"/>
              <a:gd name="connsiteY1" fmla="*/ 0 h 486963"/>
              <a:gd name="connsiteX2" fmla="*/ 2085933 w 2085933"/>
              <a:gd name="connsiteY2" fmla="*/ 486963 h 486963"/>
              <a:gd name="connsiteX3" fmla="*/ 0 w 2085933"/>
              <a:gd name="connsiteY3" fmla="*/ 486963 h 486963"/>
              <a:gd name="connsiteX4" fmla="*/ 0 w 2085933"/>
              <a:gd name="connsiteY4" fmla="*/ 0 h 486963"/>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2085933" h="486963">
                <a:moveTo>
                  <a:pt x="0" y="0"/>
                </a:moveTo>
                <a:lnTo>
                  <a:pt x="2085933" y="0"/>
                </a:lnTo>
                <a:lnTo>
                  <a:pt x="2085933" y="486963"/>
                </a:lnTo>
                <a:lnTo>
                  <a:pt x="0" y="486963"/>
                </a:lnTo>
                <a:lnTo>
                  <a:pt x="0" y="0"/>
                </a:lnTo>
                <a:close/>
              </a:path>
            </a:pathLst>
          </a:custGeom>
          <a:solidFill>
            <a:srgbClr val="4BACC6"/>
          </a:solidFill>
          <a:ln>
            <a:noFill/>
          </a:ln>
        </p:spPr>
        <p:style>
          <a:lnRef idx="2">
            <a:schemeClr val="accent5"/>
          </a:lnRef>
          <a:fillRef idx="1">
            <a:schemeClr val="lt1"/>
          </a:fillRef>
          <a:effectRef idx="0">
            <a:schemeClr val="accent5"/>
          </a:effectRef>
          <a:fontRef idx="minor">
            <a:schemeClr val="dk1"/>
          </a:fontRef>
        </p:style>
        <p:txBody>
          <a:bodyPr spcFirstLastPara="0" vert="horz" wrap="square" lIns="50800" tIns="38100" rIns="50800" bIns="38100" numCol="1" spcCol="1270" anchor="ctr" anchorCtr="0">
            <a:noAutofit/>
          </a:bodyPr>
          <a:lstStyle/>
          <a:p>
            <a:pPr lvl="0" algn="ctr" defTabSz="889000" rtl="1">
              <a:lnSpc>
                <a:spcPct val="90000"/>
              </a:lnSpc>
              <a:spcBef>
                <a:spcPct val="0"/>
              </a:spcBef>
              <a:spcAft>
                <a:spcPct val="35000"/>
              </a:spcAft>
            </a:pPr>
            <a:r>
              <a:rPr lang="en-US" sz="2000" b="1" kern="1200" dirty="0" smtClean="0">
                <a:solidFill>
                  <a:schemeClr val="bg1"/>
                </a:solidFill>
                <a:latin typeface="Calibri" panose="020F0502020204030204" pitchFamily="34" charset="0"/>
                <a:cs typeface="Calibri" panose="020F0502020204030204" pitchFamily="34" charset="0"/>
              </a:rPr>
              <a:t>Desk</a:t>
            </a:r>
            <a:endParaRPr lang="he-IL" sz="2000" b="1" kern="1200" dirty="0">
              <a:solidFill>
                <a:schemeClr val="bg1"/>
              </a:solidFill>
              <a:latin typeface="Calibri" panose="020F0502020204030204" pitchFamily="34" charset="0"/>
              <a:cs typeface="Calibri" panose="020F0502020204030204" pitchFamily="34" charset="0"/>
            </a:endParaRPr>
          </a:p>
        </p:txBody>
      </p:sp>
      <p:cxnSp>
        <p:nvCxnSpPr>
          <p:cNvPr id="15" name="מחבר חץ ישר 14"/>
          <p:cNvCxnSpPr/>
          <p:nvPr/>
        </p:nvCxnSpPr>
        <p:spPr>
          <a:xfrm rot="10800000" flipV="1">
            <a:off x="2809863" y="3237133"/>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17" name="מחבר חץ ישר 16"/>
          <p:cNvCxnSpPr/>
          <p:nvPr/>
        </p:nvCxnSpPr>
        <p:spPr>
          <a:xfrm rot="10800000" flipV="1">
            <a:off x="2809864" y="5451713"/>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18" name="מחבר חץ ישר 17"/>
          <p:cNvCxnSpPr/>
          <p:nvPr/>
        </p:nvCxnSpPr>
        <p:spPr>
          <a:xfrm rot="10800000" flipV="1">
            <a:off x="2809864" y="6023217"/>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19" name="מחבר חץ ישר 18"/>
          <p:cNvCxnSpPr/>
          <p:nvPr/>
        </p:nvCxnSpPr>
        <p:spPr>
          <a:xfrm rot="10800000" flipV="1">
            <a:off x="2809863" y="4308703"/>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0" name="מחבר חץ ישר 19"/>
          <p:cNvCxnSpPr/>
          <p:nvPr/>
        </p:nvCxnSpPr>
        <p:spPr>
          <a:xfrm rot="10800000" flipV="1">
            <a:off x="2809863" y="4880209"/>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1" name="מחבר חץ ישר 20"/>
          <p:cNvCxnSpPr/>
          <p:nvPr/>
        </p:nvCxnSpPr>
        <p:spPr>
          <a:xfrm rot="10800000" flipV="1">
            <a:off x="2809864" y="3737199"/>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2" name="מחבר חץ ישר 21"/>
          <p:cNvCxnSpPr/>
          <p:nvPr/>
        </p:nvCxnSpPr>
        <p:spPr>
          <a:xfrm rot="10800000" flipV="1">
            <a:off x="5605471" y="5451713"/>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3" name="מחבר חץ ישר 22"/>
          <p:cNvCxnSpPr/>
          <p:nvPr/>
        </p:nvCxnSpPr>
        <p:spPr>
          <a:xfrm rot="10800000" flipV="1">
            <a:off x="5605470" y="6023217"/>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4" name="מחבר חץ ישר 23"/>
          <p:cNvCxnSpPr/>
          <p:nvPr/>
        </p:nvCxnSpPr>
        <p:spPr>
          <a:xfrm rot="10800000" flipV="1">
            <a:off x="5605470" y="3237134"/>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5" name="מחבר חץ ישר 24"/>
          <p:cNvCxnSpPr/>
          <p:nvPr/>
        </p:nvCxnSpPr>
        <p:spPr>
          <a:xfrm rot="10800000" flipV="1">
            <a:off x="5605470" y="3808638"/>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6" name="מחבר חץ ישר 25"/>
          <p:cNvCxnSpPr/>
          <p:nvPr/>
        </p:nvCxnSpPr>
        <p:spPr>
          <a:xfrm rot="10800000" flipV="1">
            <a:off x="5605470" y="4880209"/>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cxnSp>
        <p:nvCxnSpPr>
          <p:cNvPr id="27" name="מחבר חץ ישר 26"/>
          <p:cNvCxnSpPr/>
          <p:nvPr/>
        </p:nvCxnSpPr>
        <p:spPr>
          <a:xfrm rot="10800000" flipV="1">
            <a:off x="5605470" y="4380142"/>
            <a:ext cx="714380" cy="1"/>
          </a:xfrm>
          <a:prstGeom prst="straightConnector1">
            <a:avLst/>
          </a:prstGeom>
          <a:ln>
            <a:headEnd type="arrow"/>
            <a:tailEnd type="arrow"/>
          </a:ln>
        </p:spPr>
        <p:style>
          <a:lnRef idx="2">
            <a:schemeClr val="dk1"/>
          </a:lnRef>
          <a:fillRef idx="0">
            <a:schemeClr val="dk1"/>
          </a:fillRef>
          <a:effectRef idx="1">
            <a:schemeClr val="dk1"/>
          </a:effectRef>
          <a:fontRef idx="minor">
            <a:schemeClr val="tx1"/>
          </a:fontRef>
        </p:style>
      </p:cxnSp>
      <p:pic>
        <p:nvPicPr>
          <p:cNvPr id="16" name="תמונה 15"/>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3526652" y="2973003"/>
            <a:ext cx="236157" cy="487021"/>
          </a:xfrm>
          <a:prstGeom prst="rect">
            <a:avLst/>
          </a:prstGeom>
        </p:spPr>
      </p:pic>
      <p:pic>
        <p:nvPicPr>
          <p:cNvPr id="28" name="תמונה 27"/>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3526652" y="4096769"/>
            <a:ext cx="236157" cy="487018"/>
          </a:xfrm>
          <a:prstGeom prst="rect">
            <a:avLst/>
          </a:prstGeom>
        </p:spPr>
      </p:pic>
      <p:pic>
        <p:nvPicPr>
          <p:cNvPr id="29" name="תמונה 28"/>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3526652" y="4658645"/>
            <a:ext cx="236157" cy="487021"/>
          </a:xfrm>
          <a:prstGeom prst="rect">
            <a:avLst/>
          </a:prstGeom>
        </p:spPr>
      </p:pic>
      <p:pic>
        <p:nvPicPr>
          <p:cNvPr id="30" name="תמונה 29"/>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377604" y="5784838"/>
            <a:ext cx="234981" cy="484591"/>
          </a:xfrm>
          <a:prstGeom prst="rect">
            <a:avLst/>
          </a:prstGeom>
        </p:spPr>
      </p:pic>
      <p:pic>
        <p:nvPicPr>
          <p:cNvPr id="31" name="תמונה 30"/>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3526652" y="5782407"/>
            <a:ext cx="236157" cy="487021"/>
          </a:xfrm>
          <a:prstGeom prst="rect">
            <a:avLst/>
          </a:prstGeom>
        </p:spPr>
      </p:pic>
      <p:pic>
        <p:nvPicPr>
          <p:cNvPr id="32" name="תמונה 31"/>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5376428" y="5220526"/>
            <a:ext cx="236157" cy="487021"/>
          </a:xfrm>
          <a:prstGeom prst="rect">
            <a:avLst/>
          </a:prstGeom>
        </p:spPr>
      </p:pic>
      <p:pic>
        <p:nvPicPr>
          <p:cNvPr id="33" name="תמונה 32"/>
          <p:cNvPicPr>
            <a:picLocks noChangeAspect="1"/>
          </p:cNvPicPr>
          <p:nvPr/>
        </p:nvPicPr>
        <p:blipFill>
          <a:blip r:embed="rId8" cstate="print">
            <a:extLst>
              <a:ext uri="{28A0092B-C50C-407E-A947-70E740481C1C}">
                <a14:useLocalDpi xmlns:a14="http://schemas.microsoft.com/office/drawing/2010/main" val="0"/>
              </a:ext>
            </a:extLst>
          </a:blip>
          <a:stretch>
            <a:fillRect/>
          </a:stretch>
        </p:blipFill>
        <p:spPr>
          <a:xfrm>
            <a:off x="3526652" y="5222340"/>
            <a:ext cx="236157" cy="485207"/>
          </a:xfrm>
          <a:prstGeom prst="rect">
            <a:avLst/>
          </a:prstGeom>
        </p:spPr>
      </p:pic>
      <p:pic>
        <p:nvPicPr>
          <p:cNvPr id="34" name="תמונה 33"/>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3526652" y="3534884"/>
            <a:ext cx="236157" cy="487021"/>
          </a:xfrm>
          <a:prstGeom prst="rect">
            <a:avLst/>
          </a:prstGeom>
        </p:spPr>
      </p:pic>
      <p:pic>
        <p:nvPicPr>
          <p:cNvPr id="35" name="תמונה 34"/>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376428" y="2973003"/>
            <a:ext cx="236157" cy="487021"/>
          </a:xfrm>
          <a:prstGeom prst="rect">
            <a:avLst/>
          </a:prstGeom>
        </p:spPr>
      </p:pic>
      <p:pic>
        <p:nvPicPr>
          <p:cNvPr id="36" name="תמונה 35"/>
          <p:cNvPicPr>
            <a:picLocks noChangeAspect="1"/>
          </p:cNvPicPr>
          <p:nvPr/>
        </p:nvPicPr>
        <p:blipFill>
          <a:blip r:embed="rId9" cstate="print">
            <a:extLst>
              <a:ext uri="{28A0092B-C50C-407E-A947-70E740481C1C}">
                <a14:useLocalDpi xmlns:a14="http://schemas.microsoft.com/office/drawing/2010/main" val="0"/>
              </a:ext>
            </a:extLst>
          </a:blip>
          <a:stretch>
            <a:fillRect/>
          </a:stretch>
        </p:blipFill>
        <p:spPr>
          <a:xfrm>
            <a:off x="5376428" y="3534884"/>
            <a:ext cx="236157" cy="487021"/>
          </a:xfrm>
          <a:prstGeom prst="rect">
            <a:avLst/>
          </a:prstGeom>
        </p:spPr>
      </p:pic>
      <p:pic>
        <p:nvPicPr>
          <p:cNvPr id="37" name="תמונה 36"/>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376428" y="4096769"/>
            <a:ext cx="236157" cy="487018"/>
          </a:xfrm>
          <a:prstGeom prst="rect">
            <a:avLst/>
          </a:prstGeom>
        </p:spPr>
      </p:pic>
      <p:pic>
        <p:nvPicPr>
          <p:cNvPr id="38" name="תמונה 37"/>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376428" y="4658645"/>
            <a:ext cx="236157" cy="487021"/>
          </a:xfrm>
          <a:prstGeom prst="rect">
            <a:avLst/>
          </a:prstGeom>
        </p:spPr>
      </p:pic>
    </p:spTree>
    <p:extLst>
      <p:ext uri="{BB962C8B-B14F-4D97-AF65-F5344CB8AC3E}">
        <p14:creationId xmlns:p14="http://schemas.microsoft.com/office/powerpoint/2010/main" val="4016209924"/>
      </p:ext>
    </p:extLst>
  </p:cSld>
  <p:clrMapOvr>
    <a:masterClrMapping/>
  </p:clrMapOvr>
  <mc:AlternateContent xmlns:mc="http://schemas.openxmlformats.org/markup-compatibility/2006" xmlns:p14="http://schemas.microsoft.com/office/powerpoint/2010/main">
    <mc:Choice Requires="p14">
      <p:transition p14:dur="0"/>
    </mc:Choice>
    <mc:Fallback xmlns="">
      <p:transition/>
    </mc:Fallback>
  </mc:AlternateContent>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5"/>
          <p:cNvSpPr txBox="1">
            <a:spLocks/>
          </p:cNvSpPr>
          <p:nvPr/>
        </p:nvSpPr>
        <p:spPr>
          <a:xfrm>
            <a:off x="-261257" y="1887"/>
            <a:ext cx="9144000" cy="764704"/>
          </a:xfrm>
          <a:prstGeom prst="rect">
            <a:avLst/>
          </a:prstGeom>
        </p:spPr>
        <p:txBody>
          <a:bodyPr anchor="ctr"/>
          <a:lstStyle>
            <a:lvl1pPr algn="l" defTabSz="914400" rtl="1" eaLnBrk="1" latinLnBrk="0" hangingPunct="1">
              <a:lnSpc>
                <a:spcPct val="90000"/>
              </a:lnSpc>
              <a:spcBef>
                <a:spcPct val="0"/>
              </a:spcBef>
              <a:buNone/>
              <a:defRPr sz="4400" kern="1200">
                <a:solidFill>
                  <a:schemeClr val="tx1"/>
                </a:solidFill>
                <a:latin typeface="+mj-lt"/>
                <a:ea typeface="+mj-ea"/>
                <a:cs typeface="+mj-cs"/>
              </a:defRPr>
            </a:lvl1pPr>
          </a:lstStyle>
          <a:p>
            <a:pPr algn="ctr"/>
            <a:r>
              <a:rPr lang="en-US" sz="3200" b="1" smtClean="0">
                <a:latin typeface="+mn-lt"/>
                <a:cs typeface="David" panose="020E0502060401010101" pitchFamily="34" charset="-79"/>
              </a:rPr>
              <a:t>IDF Berets</a:t>
            </a:r>
            <a:endParaRPr lang="he-IL" sz="3200" b="1" dirty="0">
              <a:latin typeface="+mn-lt"/>
              <a:cs typeface="David" panose="020E0502060401010101" pitchFamily="34" charset="-79"/>
            </a:endParaRPr>
          </a:p>
        </p:txBody>
      </p:sp>
      <p:pic>
        <p:nvPicPr>
          <p:cNvPr id="1026" name="Picture 2" descr="Image result for IDF berets"/>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146041" y="641504"/>
            <a:ext cx="4751588" cy="5924057"/>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4015210378"/>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6" name="קבוצה 15"/>
          <p:cNvGrpSpPr/>
          <p:nvPr/>
        </p:nvGrpSpPr>
        <p:grpSpPr>
          <a:xfrm>
            <a:off x="340971" y="1052736"/>
            <a:ext cx="6356930" cy="995854"/>
            <a:chOff x="1046273" y="1052736"/>
            <a:chExt cx="6356930" cy="995854"/>
          </a:xfrm>
        </p:grpSpPr>
        <p:sp>
          <p:nvSpPr>
            <p:cNvPr id="6" name="צורה חופשית 5"/>
            <p:cNvSpPr/>
            <p:nvPr/>
          </p:nvSpPr>
          <p:spPr>
            <a:xfrm>
              <a:off x="1544199" y="1052736"/>
              <a:ext cx="5859004" cy="995854"/>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4" bIns="45721" numCol="1" spcCol="1270" anchor="ctr" anchorCtr="0">
              <a:noAutofit/>
            </a:bodyPr>
            <a:lstStyle/>
            <a:p>
              <a:pPr lvl="0" algn="ctr" defTabSz="533400" rtl="1">
                <a:lnSpc>
                  <a:spcPct val="90000"/>
                </a:lnSpc>
                <a:spcBef>
                  <a:spcPct val="0"/>
                </a:spcBef>
                <a:spcAft>
                  <a:spcPct val="35000"/>
                </a:spcAft>
              </a:pPr>
              <a:r>
                <a:rPr kumimoji="0" lang="en-US" sz="1200" b="1"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Northern</a:t>
              </a:r>
              <a:r>
                <a:rPr kumimoji="0" lang="en-US" sz="1200" b="1"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Command:</a:t>
              </a:r>
              <a:endPar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endParaRPr>
            </a:p>
            <a:p>
              <a:pPr lvl="0" algn="ctr" defTabSz="533400" rtl="0">
                <a:lnSpc>
                  <a:spcPct val="90000"/>
                </a:lnSpc>
                <a:spcBef>
                  <a:spcPct val="0"/>
                </a:spcBef>
                <a:spcAft>
                  <a:spcPct val="35000"/>
                </a:spcAft>
              </a:pPr>
              <a:r>
                <a:rPr lang="en-US" sz="1200" kern="1200" baseline="0" dirty="0" smtClean="0">
                  <a:solidFill>
                    <a:srgbClr val="FFFFFF"/>
                  </a:solidFill>
                  <a:latin typeface="Calibri" panose="020F0502020204030204" pitchFamily="34" charset="0"/>
                  <a:ea typeface="+mn-ea"/>
                  <a:cs typeface="Calibri" panose="020F0502020204030204" pitchFamily="34" charset="0"/>
                </a:rPr>
                <a:t>The</a:t>
              </a:r>
              <a:r>
                <a:rPr lang="en-US" sz="1200" kern="1200" dirty="0" smtClean="0">
                  <a:solidFill>
                    <a:srgbClr val="FFFFFF"/>
                  </a:solidFill>
                  <a:latin typeface="Calibri" panose="020F0502020204030204" pitchFamily="34" charset="0"/>
                  <a:ea typeface="+mn-ea"/>
                  <a:cs typeface="Calibri" panose="020F0502020204030204" pitchFamily="34" charset="0"/>
                </a:rPr>
                <a:t> Northern Command Holds Operational Responsibility for Israel’s Northern Borders. Its Mission is to Keep Israel’s Northern Command AOR Secured, to Maintain a Constant State of Readiness and to Prepare Forces for Routine Activity, Emergencies and Potential Conflicts</a:t>
              </a:r>
              <a:endParaRPr lang="he-IL" sz="1200" kern="1200" dirty="0">
                <a:solidFill>
                  <a:srgbClr val="FFFFFF"/>
                </a:solidFill>
                <a:latin typeface="Arial"/>
                <a:ea typeface="+mn-ea"/>
                <a:cs typeface="Arial"/>
              </a:endParaRPr>
            </a:p>
          </p:txBody>
        </p:sp>
        <p:sp>
          <p:nvSpPr>
            <p:cNvPr id="7" name="אליפסה 6"/>
            <p:cNvSpPr/>
            <p:nvPr/>
          </p:nvSpPr>
          <p:spPr>
            <a:xfrm>
              <a:off x="1046273" y="1052737"/>
              <a:ext cx="995852" cy="995852"/>
            </a:xfrm>
            <a:prstGeom prst="ellipse">
              <a:avLst/>
            </a:prstGeom>
            <a:blipFill>
              <a:blip r:embed="rId2" cstate="print">
                <a:extLst>
                  <a:ext uri="{28A0092B-C50C-407E-A947-70E740481C1C}">
                    <a14:useLocalDpi xmlns:a14="http://schemas.microsoft.com/office/drawing/2010/main" val="0"/>
                  </a:ext>
                </a:extLst>
              </a:blip>
              <a:srcRect/>
              <a:stretch>
                <a:fillRect/>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grpSp>
        <p:nvGrpSpPr>
          <p:cNvPr id="17" name="קבוצה 16"/>
          <p:cNvGrpSpPr/>
          <p:nvPr/>
        </p:nvGrpSpPr>
        <p:grpSpPr>
          <a:xfrm>
            <a:off x="340971" y="2169441"/>
            <a:ext cx="6356930" cy="995853"/>
            <a:chOff x="1046273" y="2345859"/>
            <a:chExt cx="6356930" cy="995853"/>
          </a:xfrm>
        </p:grpSpPr>
        <p:sp>
          <p:nvSpPr>
            <p:cNvPr id="8" name="צורה חופשית 7"/>
            <p:cNvSpPr/>
            <p:nvPr/>
          </p:nvSpPr>
          <p:spPr>
            <a:xfrm>
              <a:off x="1544199" y="2345859"/>
              <a:ext cx="5859004" cy="995853"/>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4" bIns="45720" numCol="1" spcCol="1270" anchor="ctr" anchorCtr="0">
              <a:noAutofit/>
            </a:bodyPr>
            <a:lstStyle/>
            <a:p>
              <a:pPr lvl="0" algn="ctr" defTabSz="533400" rtl="1">
                <a:lnSpc>
                  <a:spcPct val="90000"/>
                </a:lnSpc>
                <a:spcBef>
                  <a:spcPct val="0"/>
                </a:spcBef>
                <a:spcAft>
                  <a:spcPct val="35000"/>
                </a:spcAft>
              </a:pPr>
              <a:r>
                <a:rPr lang="en-US" sz="1200" b="1" kern="1200" dirty="0" smtClean="0">
                  <a:solidFill>
                    <a:srgbClr val="FFFFFF"/>
                  </a:solidFill>
                  <a:latin typeface="Calibri" panose="020F0502020204030204" pitchFamily="34" charset="0"/>
                  <a:ea typeface="+mn-ea"/>
                  <a:cs typeface="Calibri" panose="020F0502020204030204" pitchFamily="34" charset="0"/>
                </a:rPr>
                <a:t>Central Command:</a:t>
              </a:r>
              <a:endParaRPr lang="en-US" sz="1200" kern="1200" dirty="0" smtClean="0">
                <a:solidFill>
                  <a:srgbClr val="FFFFFF"/>
                </a:solidFill>
                <a:latin typeface="Calibri" panose="020F0502020204030204" pitchFamily="34" charset="0"/>
                <a:ea typeface="+mn-ea"/>
                <a:cs typeface="Calibri" panose="020F0502020204030204" pitchFamily="34" charset="0"/>
              </a:endParaRPr>
            </a:p>
            <a:p>
              <a:pPr lvl="0" algn="ctr" defTabSz="533400" rtl="0">
                <a:lnSpc>
                  <a:spcPct val="90000"/>
                </a:lnSpc>
                <a:spcBef>
                  <a:spcPct val="0"/>
                </a:spcBef>
                <a:spcAft>
                  <a:spcPct val="35000"/>
                </a:spcAft>
              </a:pPr>
              <a:r>
                <a:rPr kumimoji="0" lang="en-US" sz="1200"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The Central Command Holds Operational Responsibility for Judea and Samaria and The Jordan Valley.</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Its Primary Mission is to Protect the Civilian Population and to Counter Terrorism. Additionally, the Central Command is Responsible for Creating Conditions Necessary for a Viable Political Resolution to the Conflict</a:t>
              </a:r>
              <a:endParaRPr lang="he-IL" sz="1200" kern="1200" dirty="0">
                <a:solidFill>
                  <a:srgbClr val="FFFFFF"/>
                </a:solidFill>
                <a:latin typeface="Arial"/>
                <a:ea typeface="+mn-ea"/>
                <a:cs typeface="Arial"/>
              </a:endParaRPr>
            </a:p>
          </p:txBody>
        </p:sp>
        <p:sp>
          <p:nvSpPr>
            <p:cNvPr id="9" name="אליפסה 8"/>
            <p:cNvSpPr/>
            <p:nvPr/>
          </p:nvSpPr>
          <p:spPr>
            <a:xfrm>
              <a:off x="1046273" y="2345860"/>
              <a:ext cx="995852" cy="995852"/>
            </a:xfrm>
            <a:prstGeom prst="ellipse">
              <a:avLst/>
            </a:prstGeom>
            <a:blipFill>
              <a:blip r:embed="rId3" cstate="print">
                <a:extLst>
                  <a:ext uri="{28A0092B-C50C-407E-A947-70E740481C1C}">
                    <a14:useLocalDpi xmlns:a14="http://schemas.microsoft.com/office/drawing/2010/main" val="0"/>
                  </a:ext>
                </a:extLst>
              </a:blip>
              <a:srcRect/>
              <a:stretch>
                <a:fillRect/>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grpSp>
        <p:nvGrpSpPr>
          <p:cNvPr id="18" name="קבוצה 17"/>
          <p:cNvGrpSpPr/>
          <p:nvPr/>
        </p:nvGrpSpPr>
        <p:grpSpPr>
          <a:xfrm>
            <a:off x="340971" y="3286145"/>
            <a:ext cx="6356930" cy="995853"/>
            <a:chOff x="1046273" y="3638981"/>
            <a:chExt cx="6356930" cy="995853"/>
          </a:xfrm>
        </p:grpSpPr>
        <p:sp>
          <p:nvSpPr>
            <p:cNvPr id="10" name="צורה חופשית 9"/>
            <p:cNvSpPr/>
            <p:nvPr/>
          </p:nvSpPr>
          <p:spPr>
            <a:xfrm>
              <a:off x="1544199" y="3638981"/>
              <a:ext cx="5859004" cy="995853"/>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4" bIns="45719" numCol="1" spcCol="1270" anchor="ctr" anchorCtr="0">
              <a:noAutofit/>
            </a:bodyPr>
            <a:lstStyle/>
            <a:p>
              <a:pPr lvl="0" algn="ctr" defTabSz="533400" rtl="1">
                <a:lnSpc>
                  <a:spcPct val="90000"/>
                </a:lnSpc>
                <a:spcBef>
                  <a:spcPct val="0"/>
                </a:spcBef>
                <a:spcAft>
                  <a:spcPct val="35000"/>
                </a:spcAft>
              </a:pPr>
              <a:r>
                <a:rPr lang="en-US" sz="1200" b="1" kern="1200" dirty="0" smtClean="0">
                  <a:solidFill>
                    <a:srgbClr val="FFFFFF"/>
                  </a:solidFill>
                  <a:latin typeface="Calibri" panose="020F0502020204030204" pitchFamily="34" charset="0"/>
                  <a:ea typeface="+mn-ea"/>
                  <a:cs typeface="Calibri" panose="020F0502020204030204" pitchFamily="34" charset="0"/>
                </a:rPr>
                <a:t>Southern Command: </a:t>
              </a:r>
            </a:p>
            <a:p>
              <a:pPr lvl="0" algn="ctr" defTabSz="533400" rtl="1">
                <a:lnSpc>
                  <a:spcPct val="90000"/>
                </a:lnSpc>
                <a:spcBef>
                  <a:spcPct val="0"/>
                </a:spcBef>
                <a:spcAft>
                  <a:spcPct val="35000"/>
                </a:spcAft>
              </a:pPr>
              <a:r>
                <a:rPr kumimoji="0" lang="en-US" sz="1200"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The Southern Command Holds Operational Responsibility for Israel’s Southern</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Borders, Spanning from the </a:t>
              </a:r>
              <a:r>
                <a:rPr kumimoji="0" lang="en-US" sz="1200" i="0" u="none" strike="noStrike" kern="1200" cap="none" normalizeH="0" dirty="0" err="1" smtClean="0">
                  <a:ln/>
                  <a:solidFill>
                    <a:srgbClr val="FFFFFF"/>
                  </a:solidFill>
                  <a:effectLst/>
                  <a:latin typeface="Calibri" panose="020F0502020204030204" pitchFamily="34" charset="0"/>
                  <a:ea typeface="+mn-ea"/>
                  <a:cs typeface="Calibri" panose="020F0502020204030204" pitchFamily="34" charset="0"/>
                </a:rPr>
                <a:t>Yishai</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River and the Rafah Coast in the North to the </a:t>
              </a:r>
              <a:r>
                <a:rPr kumimoji="0" lang="en-US" sz="1200" i="0" u="none" strike="noStrike" kern="1200" cap="none" normalizeH="0" dirty="0" err="1" smtClean="0">
                  <a:ln/>
                  <a:solidFill>
                    <a:srgbClr val="FFFFFF"/>
                  </a:solidFill>
                  <a:effectLst/>
                  <a:latin typeface="Calibri" panose="020F0502020204030204" pitchFamily="34" charset="0"/>
                  <a:ea typeface="+mn-ea"/>
                  <a:cs typeface="Calibri" panose="020F0502020204030204" pitchFamily="34" charset="0"/>
                </a:rPr>
                <a:t>Taba</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Pass in the South. The Command Charged with the Protection of the Civilian Population Throughout its AOR</a:t>
              </a:r>
              <a:endParaRPr lang="he-IL" sz="1200" kern="1200" dirty="0">
                <a:solidFill>
                  <a:srgbClr val="FFFFFF"/>
                </a:solidFill>
                <a:latin typeface="Arial"/>
                <a:ea typeface="+mn-ea"/>
                <a:cs typeface="Arial"/>
              </a:endParaRPr>
            </a:p>
          </p:txBody>
        </p:sp>
        <p:sp>
          <p:nvSpPr>
            <p:cNvPr id="11" name="אליפסה 10"/>
            <p:cNvSpPr/>
            <p:nvPr/>
          </p:nvSpPr>
          <p:spPr>
            <a:xfrm>
              <a:off x="1046273" y="3638982"/>
              <a:ext cx="995852" cy="995852"/>
            </a:xfrm>
            <a:prstGeom prst="ellipse">
              <a:avLst/>
            </a:prstGeom>
            <a:blipFill>
              <a:blip r:embed="rId4" cstate="print">
                <a:extLst>
                  <a:ext uri="{28A0092B-C50C-407E-A947-70E740481C1C}">
                    <a14:useLocalDpi xmlns:a14="http://schemas.microsoft.com/office/drawing/2010/main" val="0"/>
                  </a:ext>
                </a:extLst>
              </a:blip>
              <a:srcRect/>
              <a:stretch>
                <a:fillRect/>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grpSp>
        <p:nvGrpSpPr>
          <p:cNvPr id="19" name="קבוצה 18"/>
          <p:cNvGrpSpPr/>
          <p:nvPr/>
        </p:nvGrpSpPr>
        <p:grpSpPr>
          <a:xfrm>
            <a:off x="340971" y="4402849"/>
            <a:ext cx="6356931" cy="995853"/>
            <a:chOff x="1046273" y="4932103"/>
            <a:chExt cx="6356931" cy="995853"/>
          </a:xfrm>
        </p:grpSpPr>
        <p:sp>
          <p:nvSpPr>
            <p:cNvPr id="12" name="צורה חופשית 11"/>
            <p:cNvSpPr/>
            <p:nvPr/>
          </p:nvSpPr>
          <p:spPr>
            <a:xfrm>
              <a:off x="1544199" y="4932103"/>
              <a:ext cx="5859005" cy="995853"/>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5" bIns="45720" numCol="1" spcCol="1270" anchor="ctr" anchorCtr="0">
              <a:noAutofit/>
            </a:bodyPr>
            <a:lstStyle/>
            <a:p>
              <a:pPr lvl="0" algn="ctr" defTabSz="533400" rtl="1">
                <a:lnSpc>
                  <a:spcPct val="90000"/>
                </a:lnSpc>
                <a:spcBef>
                  <a:spcPct val="0"/>
                </a:spcBef>
                <a:spcAft>
                  <a:spcPct val="35000"/>
                </a:spcAft>
              </a:pPr>
              <a:r>
                <a:rPr lang="en-US" sz="1200" b="1" kern="1200" dirty="0" smtClean="0">
                  <a:solidFill>
                    <a:srgbClr val="FFFFFF"/>
                  </a:solidFill>
                  <a:latin typeface="Calibri" panose="020F0502020204030204" pitchFamily="34" charset="0"/>
                  <a:ea typeface="+mn-ea"/>
                  <a:cs typeface="Calibri" panose="020F0502020204030204" pitchFamily="34" charset="0"/>
                </a:rPr>
                <a:t>Joint Command: </a:t>
              </a:r>
            </a:p>
            <a:p>
              <a:pPr lvl="0" algn="ctr" defTabSz="533400" rtl="1">
                <a:lnSpc>
                  <a:spcPct val="90000"/>
                </a:lnSpc>
                <a:spcBef>
                  <a:spcPct val="0"/>
                </a:spcBef>
                <a:spcAft>
                  <a:spcPct val="35000"/>
                </a:spcAft>
              </a:pPr>
              <a:r>
                <a:rPr kumimoji="0" lang="en-US" sz="1200"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The Joint Command Holds Operational Responsibility for Israel’s Strategic Depth</a:t>
              </a:r>
              <a:endParaRPr lang="he-IL" sz="1200" kern="1200" dirty="0">
                <a:solidFill>
                  <a:srgbClr val="FFFFFF"/>
                </a:solidFill>
                <a:latin typeface="Arial"/>
                <a:ea typeface="+mn-ea"/>
                <a:cs typeface="Arial"/>
              </a:endParaRPr>
            </a:p>
          </p:txBody>
        </p:sp>
        <p:sp>
          <p:nvSpPr>
            <p:cNvPr id="13" name="אליפסה 12"/>
            <p:cNvSpPr/>
            <p:nvPr/>
          </p:nvSpPr>
          <p:spPr>
            <a:xfrm>
              <a:off x="1046273" y="4932104"/>
              <a:ext cx="995852" cy="995852"/>
            </a:xfrm>
            <a:prstGeom prst="ellipse">
              <a:avLst/>
            </a:prstGeom>
            <a:blipFill>
              <a:blip r:embed="rId5" cstate="print">
                <a:extLst>
                  <a:ext uri="{28A0092B-C50C-407E-A947-70E740481C1C}">
                    <a14:useLocalDpi xmlns:a14="http://schemas.microsoft.com/office/drawing/2010/main" val="0"/>
                  </a:ext>
                </a:extLst>
              </a:blip>
              <a:srcRect/>
              <a:stretch>
                <a:fillRect l="-1000" r="-1000"/>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grpSp>
        <p:nvGrpSpPr>
          <p:cNvPr id="20" name="קבוצה 19"/>
          <p:cNvGrpSpPr/>
          <p:nvPr/>
        </p:nvGrpSpPr>
        <p:grpSpPr>
          <a:xfrm>
            <a:off x="340971" y="5519552"/>
            <a:ext cx="6356931" cy="995853"/>
            <a:chOff x="1046273" y="6225225"/>
            <a:chExt cx="6356931" cy="995853"/>
          </a:xfrm>
        </p:grpSpPr>
        <p:sp>
          <p:nvSpPr>
            <p:cNvPr id="14" name="צורה חופשית 13"/>
            <p:cNvSpPr/>
            <p:nvPr/>
          </p:nvSpPr>
          <p:spPr>
            <a:xfrm>
              <a:off x="1544199" y="6225225"/>
              <a:ext cx="5859005" cy="995853"/>
            </a:xfrm>
            <a:custGeom>
              <a:avLst/>
              <a:gdLst>
                <a:gd name="connsiteX0" fmla="*/ 0 w 5859004"/>
                <a:gd name="connsiteY0" fmla="*/ 0 h 995852"/>
                <a:gd name="connsiteX1" fmla="*/ 5361078 w 5859004"/>
                <a:gd name="connsiteY1" fmla="*/ 0 h 995852"/>
                <a:gd name="connsiteX2" fmla="*/ 5859004 w 5859004"/>
                <a:gd name="connsiteY2" fmla="*/ 497926 h 995852"/>
                <a:gd name="connsiteX3" fmla="*/ 5361078 w 5859004"/>
                <a:gd name="connsiteY3" fmla="*/ 995852 h 995852"/>
                <a:gd name="connsiteX4" fmla="*/ 0 w 5859004"/>
                <a:gd name="connsiteY4" fmla="*/ 995852 h 995852"/>
                <a:gd name="connsiteX5" fmla="*/ 0 w 5859004"/>
                <a:gd name="connsiteY5" fmla="*/ 0 h 99585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Lst>
              <a:rect l="l" t="t" r="r" b="b"/>
              <a:pathLst>
                <a:path w="5859004" h="995852">
                  <a:moveTo>
                    <a:pt x="5859004" y="995851"/>
                  </a:moveTo>
                  <a:lnTo>
                    <a:pt x="497926" y="995851"/>
                  </a:lnTo>
                  <a:lnTo>
                    <a:pt x="0" y="497926"/>
                  </a:lnTo>
                  <a:lnTo>
                    <a:pt x="497926" y="1"/>
                  </a:lnTo>
                  <a:lnTo>
                    <a:pt x="5859004" y="1"/>
                  </a:lnTo>
                  <a:lnTo>
                    <a:pt x="5859004" y="995851"/>
                  </a:lnTo>
                  <a:close/>
                </a:path>
              </a:pathLst>
            </a:custGeom>
            <a:solidFill>
              <a:srgbClr val="1F497D"/>
            </a:solid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fontRef>
          </p:style>
          <p:txBody>
            <a:bodyPr spcFirstLastPara="0" vert="horz" wrap="square" lIns="688106" tIns="45721" rIns="85345" bIns="45720" numCol="1" spcCol="1270" anchor="ctr" anchorCtr="0">
              <a:noAutofit/>
            </a:bodyPr>
            <a:lstStyle/>
            <a:p>
              <a:pPr lvl="0" algn="ctr" defTabSz="533400" rtl="0">
                <a:lnSpc>
                  <a:spcPct val="90000"/>
                </a:lnSpc>
                <a:spcBef>
                  <a:spcPct val="0"/>
                </a:spcBef>
                <a:spcAft>
                  <a:spcPct val="35000"/>
                </a:spcAft>
              </a:pPr>
              <a:r>
                <a:rPr lang="en-US" sz="1200" b="1" kern="1200" dirty="0" smtClean="0">
                  <a:solidFill>
                    <a:srgbClr val="FFFFFF"/>
                  </a:solidFill>
                  <a:latin typeface="Calibri" panose="020F0502020204030204" pitchFamily="34" charset="0"/>
                  <a:ea typeface="+mn-ea"/>
                  <a:cs typeface="Calibri" panose="020F0502020204030204" pitchFamily="34" charset="0"/>
                </a:rPr>
                <a:t>Homefront Command:</a:t>
              </a:r>
            </a:p>
            <a:p>
              <a:pPr lvl="0" algn="ctr" defTabSz="533400" rtl="0">
                <a:lnSpc>
                  <a:spcPct val="90000"/>
                </a:lnSpc>
                <a:spcBef>
                  <a:spcPct val="0"/>
                </a:spcBef>
                <a:spcAft>
                  <a:spcPct val="35000"/>
                </a:spcAft>
              </a:pPr>
              <a:r>
                <a:rPr kumimoji="0" lang="en-US" sz="1200" i="0" u="none" strike="noStrike" kern="1200" cap="none" normalizeH="0" baseline="0" dirty="0" smtClean="0">
                  <a:ln/>
                  <a:solidFill>
                    <a:srgbClr val="FFFFFF"/>
                  </a:solidFill>
                  <a:effectLst/>
                  <a:latin typeface="Calibri" panose="020F0502020204030204" pitchFamily="34" charset="0"/>
                  <a:ea typeface="+mn-ea"/>
                  <a:cs typeface="Calibri" panose="020F0502020204030204" pitchFamily="34" charset="0"/>
                </a:rPr>
                <a:t>The HFC’s Goal is to Ensure the Stamina of the Israeli People During Armed Conflicts, Disasters and Emergencies, by Providing Management,</a:t>
              </a:r>
              <a:r>
                <a:rPr kumimoji="0" lang="en-US" sz="1200" i="0" u="none" strike="noStrike" kern="1200" cap="none" normalizeH="0" dirty="0" smtClean="0">
                  <a:ln/>
                  <a:solidFill>
                    <a:srgbClr val="FFFFFF"/>
                  </a:solidFill>
                  <a:effectLst/>
                  <a:latin typeface="Calibri" panose="020F0502020204030204" pitchFamily="34" charset="0"/>
                  <a:ea typeface="+mn-ea"/>
                  <a:cs typeface="Calibri" panose="020F0502020204030204" pitchFamily="34" charset="0"/>
                </a:rPr>
                <a:t> Protection, Rescue and Relief. The Command Contributes to Planning, Mitigation, Response and Recovery in Emergency Situations</a:t>
              </a:r>
              <a:endParaRPr lang="he-IL" sz="1200" kern="1200" dirty="0">
                <a:solidFill>
                  <a:srgbClr val="FFFFFF"/>
                </a:solidFill>
                <a:latin typeface="Arial"/>
                <a:ea typeface="+mn-ea"/>
                <a:cs typeface="Arial"/>
              </a:endParaRPr>
            </a:p>
          </p:txBody>
        </p:sp>
        <p:sp>
          <p:nvSpPr>
            <p:cNvPr id="15" name="אליפסה 14"/>
            <p:cNvSpPr/>
            <p:nvPr/>
          </p:nvSpPr>
          <p:spPr>
            <a:xfrm>
              <a:off x="1046273" y="6225226"/>
              <a:ext cx="995852" cy="995852"/>
            </a:xfrm>
            <a:prstGeom prst="ellipse">
              <a:avLst/>
            </a:prstGeom>
            <a:blipFill>
              <a:blip r:embed="rId6" cstate="print">
                <a:extLst>
                  <a:ext uri="{28A0092B-C50C-407E-A947-70E740481C1C}">
                    <a14:useLocalDpi xmlns:a14="http://schemas.microsoft.com/office/drawing/2010/main" val="0"/>
                  </a:ext>
                </a:extLst>
              </a:blip>
              <a:srcRect/>
              <a:stretch>
                <a:fillRect/>
              </a:stretch>
            </a:blipFill>
            <a:ln w="38100" cap="flat" cmpd="sng" algn="ctr">
              <a:solidFill>
                <a:srgbClr val="FFFFFF">
                  <a:hueOff val="0"/>
                  <a:satOff val="0"/>
                  <a:lumOff val="0"/>
                  <a:alphaOff val="0"/>
                </a:srgbClr>
              </a:solidFill>
              <a:prstDash val="solid"/>
            </a:ln>
            <a:effectLst>
              <a:outerShdw blurRad="40000" dist="20000" dir="5400000" rotWithShape="0">
                <a:srgbClr val="000000">
                  <a:alpha val="38000"/>
                </a:srgbClr>
              </a:outerShdw>
            </a:effectLst>
          </p:spPr>
          <p:style>
            <a:lnRef idx="3">
              <a:scrgbClr r="0" g="0" b="0"/>
            </a:lnRef>
            <a:fillRef idx="1">
              <a:scrgbClr r="0" g="0" b="0"/>
            </a:fillRef>
            <a:effectRef idx="1">
              <a:scrgbClr r="0" g="0" b="0"/>
            </a:effectRef>
            <a:fontRef idx="minor">
              <a:schemeClr val="lt1">
                <a:hueOff val="0"/>
                <a:satOff val="0"/>
                <a:lumOff val="0"/>
                <a:alphaOff val="0"/>
              </a:schemeClr>
            </a:fontRef>
          </p:style>
        </p:sp>
      </p:grpSp>
      <p:sp>
        <p:nvSpPr>
          <p:cNvPr id="4" name="כותרת 5"/>
          <p:cNvSpPr txBox="1">
            <a:spLocks/>
          </p:cNvSpPr>
          <p:nvPr/>
        </p:nvSpPr>
        <p:spPr>
          <a:xfrm>
            <a:off x="0" y="-16333"/>
            <a:ext cx="9144000" cy="764704"/>
          </a:xfrm>
          <a:prstGeom prst="rect">
            <a:avLst/>
          </a:prstGeom>
        </p:spPr>
        <p:txBody>
          <a:bodyPr anchor="ctr"/>
          <a:lstStyle>
            <a:lvl1pPr algn="ctr" defTabSz="914400" rtl="1" eaLnBrk="1" latinLnBrk="0" hangingPunct="1">
              <a:spcBef>
                <a:spcPct val="0"/>
              </a:spcBef>
              <a:buNone/>
              <a:defRPr sz="4400" kern="1200">
                <a:solidFill>
                  <a:schemeClr val="tx1"/>
                </a:solidFill>
                <a:latin typeface="+mj-lt"/>
                <a:ea typeface="+mj-ea"/>
                <a:cs typeface="+mj-cs"/>
              </a:defRPr>
            </a:lvl1pPr>
          </a:lstStyle>
          <a:p>
            <a:r>
              <a:rPr lang="en-US" sz="3200" b="1" dirty="0" smtClean="0">
                <a:latin typeface="+mn-lt"/>
                <a:cs typeface="David" panose="020E0502060401010101" pitchFamily="34" charset="-79"/>
              </a:rPr>
              <a:t>IDF Regional Commands</a:t>
            </a:r>
            <a:endParaRPr lang="he-IL" sz="3200" b="1" dirty="0">
              <a:latin typeface="+mn-lt"/>
              <a:cs typeface="David" panose="020E0502060401010101" pitchFamily="34" charset="-79"/>
            </a:endParaRPr>
          </a:p>
        </p:txBody>
      </p:sp>
    </p:spTree>
    <p:extLst>
      <p:ext uri="{BB962C8B-B14F-4D97-AF65-F5344CB8AC3E}">
        <p14:creationId xmlns:p14="http://schemas.microsoft.com/office/powerpoint/2010/main" val="1605534590"/>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7" name="מלבן 66"/>
          <p:cNvSpPr/>
          <p:nvPr/>
        </p:nvSpPr>
        <p:spPr>
          <a:xfrm>
            <a:off x="223043" y="1867983"/>
            <a:ext cx="8501122" cy="4473019"/>
          </a:xfrm>
          <a:prstGeom prst="rect">
            <a:avLst/>
          </a:prstGeom>
          <a:noFill/>
        </p:spPr>
        <p:txBody>
          <a:bodyPr wrap="square">
            <a:spAutoFit/>
          </a:bodyPr>
          <a:lstStyle/>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are a ground force HQ, but may receive aerial or naval assistance</a:t>
            </a:r>
          </a:p>
          <a:p>
            <a:pPr marL="266700" indent="-266700" algn="just" rtl="0" eaLnBrk="0" hangingPunct="0">
              <a:lnSpc>
                <a:spcPct val="110000"/>
              </a:lnSpc>
              <a:spcBef>
                <a:spcPct val="20000"/>
              </a:spcBef>
              <a:buClr>
                <a:schemeClr val="accent6">
                  <a:lumMod val="75000"/>
                </a:schemeClr>
              </a:buClr>
              <a:buSzPct val="75000"/>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have no force build-up capabilities</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are assisted by the General Staff in the fields of intelligence, C4I and logistic support</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are responsible for a limited and defined geographical depth.</a:t>
            </a: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endParaRPr lang="en-US" dirty="0" smtClean="0">
              <a:latin typeface="+mn-lt"/>
              <a:cs typeface="David" pitchFamily="2" charset="-79"/>
            </a:endParaRPr>
          </a:p>
          <a:p>
            <a:pPr marL="266700" indent="-266700" algn="just" rtl="0" eaLnBrk="0" hangingPunct="0">
              <a:lnSpc>
                <a:spcPct val="110000"/>
              </a:lnSpc>
              <a:spcBef>
                <a:spcPct val="20000"/>
              </a:spcBef>
              <a:buClr>
                <a:schemeClr val="accent6">
                  <a:lumMod val="75000"/>
                </a:schemeClr>
              </a:buClr>
              <a:buSzPct val="75000"/>
              <a:buFont typeface="Wingdings" pitchFamily="2" charset="2"/>
              <a:buChar char="Ø"/>
            </a:pPr>
            <a:r>
              <a:rPr lang="en-US" dirty="0" smtClean="0">
                <a:latin typeface="+mn-lt"/>
                <a:cs typeface="David" pitchFamily="2" charset="-79"/>
              </a:rPr>
              <a:t>The Regional Commands enjoy complete autonomy regarding ground forces capabilities and fire support (e.g. engineers, artillery).</a:t>
            </a:r>
            <a:endParaRPr lang="en-US" dirty="0">
              <a:latin typeface="+mn-lt"/>
              <a:cs typeface="David" pitchFamily="2" charset="-79"/>
            </a:endParaRPr>
          </a:p>
        </p:txBody>
      </p:sp>
      <p:sp>
        <p:nvSpPr>
          <p:cNvPr id="4" name="כותרת 5"/>
          <p:cNvSpPr txBox="1">
            <a:spLocks/>
          </p:cNvSpPr>
          <p:nvPr/>
        </p:nvSpPr>
        <p:spPr>
          <a:xfrm>
            <a:off x="0" y="-8171"/>
            <a:ext cx="9144000" cy="764704"/>
          </a:xfrm>
          <a:prstGeom prst="rect">
            <a:avLst/>
          </a:prstGeom>
        </p:spPr>
        <p:txBody>
          <a:bodyPr anchor="ctr"/>
          <a:lstStyle>
            <a:lvl1pPr algn="ctr" defTabSz="914400" rtl="1" eaLnBrk="1" latinLnBrk="0" hangingPunct="1">
              <a:spcBef>
                <a:spcPct val="0"/>
              </a:spcBef>
              <a:buNone/>
              <a:defRPr sz="4400" kern="1200">
                <a:solidFill>
                  <a:schemeClr val="tx1"/>
                </a:solidFill>
                <a:latin typeface="+mj-lt"/>
                <a:ea typeface="+mj-ea"/>
                <a:cs typeface="+mj-cs"/>
              </a:defRPr>
            </a:lvl1pPr>
          </a:lstStyle>
          <a:p>
            <a:pPr rtl="0">
              <a:defRPr/>
            </a:pPr>
            <a:r>
              <a:rPr lang="en-US" sz="2800" b="1" dirty="0" smtClean="0">
                <a:latin typeface="+mn-lt"/>
                <a:cs typeface="David" panose="020E0502060401010101" pitchFamily="34" charset="-79"/>
              </a:rPr>
              <a:t>The </a:t>
            </a:r>
            <a:r>
              <a:rPr lang="en-US" sz="2800" b="1" dirty="0">
                <a:latin typeface="+mn-lt"/>
                <a:cs typeface="David" panose="020E0502060401010101" pitchFamily="34" charset="-79"/>
              </a:rPr>
              <a:t>Regional Command – Missions and </a:t>
            </a:r>
            <a:r>
              <a:rPr lang="en-US" sz="2800" b="1" dirty="0" smtClean="0">
                <a:latin typeface="+mn-lt"/>
                <a:cs typeface="David" panose="020E0502060401010101" pitchFamily="34" charset="-79"/>
              </a:rPr>
              <a:t>Role</a:t>
            </a:r>
            <a:endParaRPr lang="en-US" sz="2800" b="1" dirty="0">
              <a:latin typeface="+mn-lt"/>
              <a:cs typeface="David" panose="020E0502060401010101" pitchFamily="34" charset="-79"/>
            </a:endParaRPr>
          </a:p>
        </p:txBody>
      </p:sp>
    </p:spTree>
    <p:extLst>
      <p:ext uri="{BB962C8B-B14F-4D97-AF65-F5344CB8AC3E}">
        <p14:creationId xmlns:p14="http://schemas.microsoft.com/office/powerpoint/2010/main" val="3767304022"/>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66562" name="Picture 2" descr="C:\Documents and Settings\s7723402\Desktop\Maps\פיקודים.jpg"/>
          <p:cNvPicPr>
            <a:picLocks noChangeAspect="1" noChangeArrowheads="1"/>
          </p:cNvPicPr>
          <p:nvPr/>
        </p:nvPicPr>
        <p:blipFill>
          <a:blip r:embed="rId2" cstate="print"/>
          <a:srcRect/>
          <a:stretch>
            <a:fillRect/>
          </a:stretch>
        </p:blipFill>
        <p:spPr bwMode="auto">
          <a:xfrm>
            <a:off x="2928907" y="137296"/>
            <a:ext cx="3031021" cy="6398822"/>
          </a:xfrm>
          <a:prstGeom prst="rect">
            <a:avLst/>
          </a:prstGeom>
          <a:noFill/>
        </p:spPr>
      </p:pic>
    </p:spTree>
    <p:extLst>
      <p:ext uri="{BB962C8B-B14F-4D97-AF65-F5344CB8AC3E}">
        <p14:creationId xmlns:p14="http://schemas.microsoft.com/office/powerpoint/2010/main" val="3118732635"/>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6" name="TextBox 15"/>
          <p:cNvSpPr txBox="1"/>
          <p:nvPr/>
        </p:nvSpPr>
        <p:spPr>
          <a:xfrm>
            <a:off x="2620770" y="972017"/>
            <a:ext cx="3914392" cy="584775"/>
          </a:xfrm>
          <a:prstGeom prst="rect">
            <a:avLst/>
          </a:prstGeom>
          <a:noFill/>
        </p:spPr>
        <p:txBody>
          <a:bodyPr wrap="square" rtlCol="1">
            <a:spAutoFit/>
          </a:bodyPr>
          <a:lstStyle/>
          <a:p>
            <a:pPr algn="ctr" rtl="0"/>
            <a:r>
              <a:rPr lang="en-US" sz="1600" b="1" dirty="0" smtClean="0">
                <a:solidFill>
                  <a:srgbClr val="0070C0"/>
                </a:solidFill>
                <a:effectLst/>
                <a:cs typeface="Guttman Hatzvi" panose="02010401010101010101" pitchFamily="2" charset="-79"/>
              </a:rPr>
              <a:t>C</a:t>
            </a:r>
            <a:r>
              <a:rPr lang="en-US" sz="1600" b="1" dirty="0" smtClean="0">
                <a:solidFill>
                  <a:srgbClr val="0070C0"/>
                </a:solidFill>
                <a:cs typeface="Guttman Hatzvi" panose="02010401010101010101" pitchFamily="2" charset="-79"/>
              </a:rPr>
              <a:t>ommander</a:t>
            </a:r>
            <a:r>
              <a:rPr lang="en-US" sz="1600" b="1" dirty="0">
                <a:solidFill>
                  <a:srgbClr val="0070C0"/>
                </a:solidFill>
                <a:cs typeface="Guttman Hatzvi" panose="02010401010101010101" pitchFamily="2" charset="-79"/>
              </a:rPr>
              <a:t>:</a:t>
            </a:r>
            <a:r>
              <a:rPr lang="he-IL" sz="1600" b="1" dirty="0" smtClean="0">
                <a:solidFill>
                  <a:srgbClr val="0070C0"/>
                </a:solidFill>
                <a:effectLst/>
                <a:cs typeface="Guttman Hatzvi" panose="02010401010101010101" pitchFamily="2" charset="-79"/>
              </a:rPr>
              <a:t> </a:t>
            </a:r>
          </a:p>
          <a:p>
            <a:pPr algn="ctr" rtl="0"/>
            <a:r>
              <a:rPr lang="en-US" sz="1600" dirty="0" smtClean="0">
                <a:solidFill>
                  <a:srgbClr val="0070C0"/>
                </a:solidFill>
                <a:effectLst/>
                <a:cs typeface="Guttman Hatzvi" panose="02010401010101010101" pitchFamily="2" charset="-79"/>
              </a:rPr>
              <a:t>MG </a:t>
            </a:r>
            <a:r>
              <a:rPr lang="en-US" sz="1600" dirty="0" err="1" smtClean="0">
                <a:solidFill>
                  <a:srgbClr val="0070C0"/>
                </a:solidFill>
                <a:effectLst/>
                <a:cs typeface="Guttman Hatzvi" panose="02010401010101010101" pitchFamily="2" charset="-79"/>
              </a:rPr>
              <a:t>Yoel</a:t>
            </a:r>
            <a:r>
              <a:rPr lang="en-US" sz="1600" dirty="0" smtClean="0">
                <a:solidFill>
                  <a:srgbClr val="0070C0"/>
                </a:solidFill>
                <a:effectLst/>
                <a:cs typeface="Guttman Hatzvi" panose="02010401010101010101" pitchFamily="2" charset="-79"/>
              </a:rPr>
              <a:t> </a:t>
            </a:r>
            <a:r>
              <a:rPr lang="en-US" sz="1600" dirty="0" err="1" smtClean="0">
                <a:solidFill>
                  <a:srgbClr val="0070C0"/>
                </a:solidFill>
                <a:effectLst/>
                <a:cs typeface="Guttman Hatzvi" panose="02010401010101010101" pitchFamily="2" charset="-79"/>
              </a:rPr>
              <a:t>Strick</a:t>
            </a:r>
            <a:endParaRPr lang="he-IL" sz="1600" dirty="0" smtClean="0">
              <a:solidFill>
                <a:srgbClr val="0070C0"/>
              </a:solidFill>
              <a:effectLst/>
              <a:cs typeface="Guttman Hatzvi" panose="02010401010101010101" pitchFamily="2" charset="-79"/>
            </a:endParaRPr>
          </a:p>
        </p:txBody>
      </p:sp>
      <p:grpSp>
        <p:nvGrpSpPr>
          <p:cNvPr id="11" name="קבוצה 10"/>
          <p:cNvGrpSpPr/>
          <p:nvPr/>
        </p:nvGrpSpPr>
        <p:grpSpPr>
          <a:xfrm>
            <a:off x="2620769" y="1571612"/>
            <a:ext cx="3924318" cy="2888734"/>
            <a:chOff x="2719384" y="1571612"/>
            <a:chExt cx="3924318" cy="2888734"/>
          </a:xfrm>
        </p:grpSpPr>
        <p:pic>
          <p:nvPicPr>
            <p:cNvPr id="5" name="Picture 2"/>
            <p:cNvPicPr>
              <a:picLocks noChangeAspect="1" noChangeArrowheads="1"/>
            </p:cNvPicPr>
            <p:nvPr/>
          </p:nvPicPr>
          <p:blipFill>
            <a:blip r:embed="rId2" cstate="email"/>
            <a:srcRect/>
            <a:stretch>
              <a:fillRect/>
            </a:stretch>
          </p:blipFill>
          <p:spPr bwMode="auto">
            <a:xfrm>
              <a:off x="2719384" y="1571612"/>
              <a:ext cx="3914393" cy="2888734"/>
            </a:xfrm>
            <a:prstGeom prst="rect">
              <a:avLst/>
            </a:prstGeom>
            <a:noFill/>
            <a:ln w="19050">
              <a:solidFill>
                <a:schemeClr val="tx1"/>
              </a:solidFill>
            </a:ln>
          </p:spPr>
        </p:pic>
        <p:sp>
          <p:nvSpPr>
            <p:cNvPr id="8" name="צורה חופשית 7"/>
            <p:cNvSpPr/>
            <p:nvPr/>
          </p:nvSpPr>
          <p:spPr>
            <a:xfrm>
              <a:off x="2904607" y="1579629"/>
              <a:ext cx="3094424" cy="1942027"/>
            </a:xfrm>
            <a:custGeom>
              <a:avLst/>
              <a:gdLst>
                <a:gd name="connsiteX0" fmla="*/ 0 w 4913194"/>
                <a:gd name="connsiteY0" fmla="*/ 3698543 h 3930555"/>
                <a:gd name="connsiteX1" fmla="*/ 13648 w 4913194"/>
                <a:gd name="connsiteY1" fmla="*/ 3316406 h 3930555"/>
                <a:gd name="connsiteX2" fmla="*/ 27296 w 4913194"/>
                <a:gd name="connsiteY2" fmla="*/ 3111689 h 3930555"/>
                <a:gd name="connsiteX3" fmla="*/ 109182 w 4913194"/>
                <a:gd name="connsiteY3" fmla="*/ 2784143 h 3930555"/>
                <a:gd name="connsiteX4" fmla="*/ 136478 w 4913194"/>
                <a:gd name="connsiteY4" fmla="*/ 2497540 h 3930555"/>
                <a:gd name="connsiteX5" fmla="*/ 218364 w 4913194"/>
                <a:gd name="connsiteY5" fmla="*/ 2402006 h 3930555"/>
                <a:gd name="connsiteX6" fmla="*/ 163773 w 4913194"/>
                <a:gd name="connsiteY6" fmla="*/ 2169994 h 3930555"/>
                <a:gd name="connsiteX7" fmla="*/ 354842 w 4913194"/>
                <a:gd name="connsiteY7" fmla="*/ 2169994 h 3930555"/>
                <a:gd name="connsiteX8" fmla="*/ 504967 w 4913194"/>
                <a:gd name="connsiteY8" fmla="*/ 2169994 h 3930555"/>
                <a:gd name="connsiteX9" fmla="*/ 545911 w 4913194"/>
                <a:gd name="connsiteY9" fmla="*/ 2224585 h 3930555"/>
                <a:gd name="connsiteX10" fmla="*/ 668740 w 4913194"/>
                <a:gd name="connsiteY10" fmla="*/ 2183642 h 3930555"/>
                <a:gd name="connsiteX11" fmla="*/ 791570 w 4913194"/>
                <a:gd name="connsiteY11" fmla="*/ 2279176 h 3930555"/>
                <a:gd name="connsiteX12" fmla="*/ 887105 w 4913194"/>
                <a:gd name="connsiteY12" fmla="*/ 2224585 h 3930555"/>
                <a:gd name="connsiteX13" fmla="*/ 900752 w 4913194"/>
                <a:gd name="connsiteY13" fmla="*/ 2142698 h 3930555"/>
                <a:gd name="connsiteX14" fmla="*/ 996287 w 4913194"/>
                <a:gd name="connsiteY14" fmla="*/ 2088107 h 3930555"/>
                <a:gd name="connsiteX15" fmla="*/ 1078173 w 4913194"/>
                <a:gd name="connsiteY15" fmla="*/ 2183642 h 3930555"/>
                <a:gd name="connsiteX16" fmla="*/ 1241946 w 4913194"/>
                <a:gd name="connsiteY16" fmla="*/ 2169994 h 3930555"/>
                <a:gd name="connsiteX17" fmla="*/ 1405720 w 4913194"/>
                <a:gd name="connsiteY17" fmla="*/ 2088107 h 3930555"/>
                <a:gd name="connsiteX18" fmla="*/ 1446663 w 4913194"/>
                <a:gd name="connsiteY18" fmla="*/ 2088107 h 3930555"/>
                <a:gd name="connsiteX19" fmla="*/ 1514902 w 4913194"/>
                <a:gd name="connsiteY19" fmla="*/ 2047164 h 3930555"/>
                <a:gd name="connsiteX20" fmla="*/ 1624084 w 4913194"/>
                <a:gd name="connsiteY20" fmla="*/ 2101755 h 3930555"/>
                <a:gd name="connsiteX21" fmla="*/ 1637731 w 4913194"/>
                <a:gd name="connsiteY21" fmla="*/ 2115403 h 3930555"/>
                <a:gd name="connsiteX22" fmla="*/ 1705970 w 4913194"/>
                <a:gd name="connsiteY22" fmla="*/ 2101755 h 3930555"/>
                <a:gd name="connsiteX23" fmla="*/ 1774209 w 4913194"/>
                <a:gd name="connsiteY23" fmla="*/ 2129050 h 3930555"/>
                <a:gd name="connsiteX24" fmla="*/ 1774209 w 4913194"/>
                <a:gd name="connsiteY24" fmla="*/ 2265528 h 3930555"/>
                <a:gd name="connsiteX25" fmla="*/ 1951630 w 4913194"/>
                <a:gd name="connsiteY25" fmla="*/ 2511188 h 3930555"/>
                <a:gd name="connsiteX26" fmla="*/ 2129051 w 4913194"/>
                <a:gd name="connsiteY26" fmla="*/ 2538483 h 3930555"/>
                <a:gd name="connsiteX27" fmla="*/ 2210937 w 4913194"/>
                <a:gd name="connsiteY27" fmla="*/ 2497540 h 3930555"/>
                <a:gd name="connsiteX28" fmla="*/ 2538484 w 4913194"/>
                <a:gd name="connsiteY28" fmla="*/ 2402006 h 3930555"/>
                <a:gd name="connsiteX29" fmla="*/ 2688609 w 4913194"/>
                <a:gd name="connsiteY29" fmla="*/ 2169994 h 3930555"/>
                <a:gd name="connsiteX30" fmla="*/ 3098042 w 4913194"/>
                <a:gd name="connsiteY30" fmla="*/ 2169994 h 3930555"/>
                <a:gd name="connsiteX31" fmla="*/ 3084394 w 4913194"/>
                <a:gd name="connsiteY31" fmla="*/ 2074459 h 3930555"/>
                <a:gd name="connsiteX32" fmla="*/ 3070746 w 4913194"/>
                <a:gd name="connsiteY32" fmla="*/ 1978925 h 3930555"/>
                <a:gd name="connsiteX33" fmla="*/ 3248167 w 4913194"/>
                <a:gd name="connsiteY33" fmla="*/ 1856095 h 3930555"/>
                <a:gd name="connsiteX34" fmla="*/ 3289111 w 4913194"/>
                <a:gd name="connsiteY34" fmla="*/ 1801504 h 3930555"/>
                <a:gd name="connsiteX35" fmla="*/ 3248167 w 4913194"/>
                <a:gd name="connsiteY35" fmla="*/ 1678674 h 3930555"/>
                <a:gd name="connsiteX36" fmla="*/ 3330054 w 4913194"/>
                <a:gd name="connsiteY36" fmla="*/ 1351128 h 3930555"/>
                <a:gd name="connsiteX37" fmla="*/ 3370997 w 4913194"/>
                <a:gd name="connsiteY37" fmla="*/ 1228298 h 3930555"/>
                <a:gd name="connsiteX38" fmla="*/ 3330054 w 4913194"/>
                <a:gd name="connsiteY38" fmla="*/ 1078173 h 3930555"/>
                <a:gd name="connsiteX39" fmla="*/ 3330054 w 4913194"/>
                <a:gd name="connsiteY39" fmla="*/ 887104 h 3930555"/>
                <a:gd name="connsiteX40" fmla="*/ 3398293 w 4913194"/>
                <a:gd name="connsiteY40" fmla="*/ 791570 h 3930555"/>
                <a:gd name="connsiteX41" fmla="*/ 3384645 w 4913194"/>
                <a:gd name="connsiteY41" fmla="*/ 709683 h 3930555"/>
                <a:gd name="connsiteX42" fmla="*/ 3507475 w 4913194"/>
                <a:gd name="connsiteY42" fmla="*/ 573206 h 3930555"/>
                <a:gd name="connsiteX43" fmla="*/ 3521122 w 4913194"/>
                <a:gd name="connsiteY43" fmla="*/ 436728 h 3930555"/>
                <a:gd name="connsiteX44" fmla="*/ 3548418 w 4913194"/>
                <a:gd name="connsiteY44" fmla="*/ 368489 h 3930555"/>
                <a:gd name="connsiteX45" fmla="*/ 3671248 w 4913194"/>
                <a:gd name="connsiteY45" fmla="*/ 423080 h 3930555"/>
                <a:gd name="connsiteX46" fmla="*/ 3671248 w 4913194"/>
                <a:gd name="connsiteY46" fmla="*/ 573206 h 3930555"/>
                <a:gd name="connsiteX47" fmla="*/ 3753134 w 4913194"/>
                <a:gd name="connsiteY47" fmla="*/ 641444 h 3930555"/>
                <a:gd name="connsiteX48" fmla="*/ 3807725 w 4913194"/>
                <a:gd name="connsiteY48" fmla="*/ 709683 h 3930555"/>
                <a:gd name="connsiteX49" fmla="*/ 3944203 w 4913194"/>
                <a:gd name="connsiteY49" fmla="*/ 791570 h 3930555"/>
                <a:gd name="connsiteX50" fmla="*/ 3944203 w 4913194"/>
                <a:gd name="connsiteY50" fmla="*/ 709683 h 3930555"/>
                <a:gd name="connsiteX51" fmla="*/ 3903260 w 4913194"/>
                <a:gd name="connsiteY51" fmla="*/ 655092 h 3930555"/>
                <a:gd name="connsiteX52" fmla="*/ 3903260 w 4913194"/>
                <a:gd name="connsiteY52" fmla="*/ 573206 h 3930555"/>
                <a:gd name="connsiteX53" fmla="*/ 4107976 w 4913194"/>
                <a:gd name="connsiteY53" fmla="*/ 450376 h 3930555"/>
                <a:gd name="connsiteX54" fmla="*/ 4217158 w 4913194"/>
                <a:gd name="connsiteY54" fmla="*/ 477671 h 3930555"/>
                <a:gd name="connsiteX55" fmla="*/ 4421875 w 4913194"/>
                <a:gd name="connsiteY55" fmla="*/ 286603 h 3930555"/>
                <a:gd name="connsiteX56" fmla="*/ 4599296 w 4913194"/>
                <a:gd name="connsiteY56" fmla="*/ 177421 h 3930555"/>
                <a:gd name="connsiteX57" fmla="*/ 4585648 w 4913194"/>
                <a:gd name="connsiteY57" fmla="*/ 81886 h 3930555"/>
                <a:gd name="connsiteX58" fmla="*/ 4653887 w 4913194"/>
                <a:gd name="connsiteY58" fmla="*/ 13647 h 3930555"/>
                <a:gd name="connsiteX59" fmla="*/ 4735773 w 4913194"/>
                <a:gd name="connsiteY59" fmla="*/ 0 h 3930555"/>
                <a:gd name="connsiteX60" fmla="*/ 4913194 w 4913194"/>
                <a:gd name="connsiteY60" fmla="*/ 0 h 3930555"/>
                <a:gd name="connsiteX61" fmla="*/ 4612943 w 4913194"/>
                <a:gd name="connsiteY61" fmla="*/ 368489 h 3930555"/>
                <a:gd name="connsiteX62" fmla="*/ 4421875 w 4913194"/>
                <a:gd name="connsiteY62" fmla="*/ 641444 h 3930555"/>
                <a:gd name="connsiteX63" fmla="*/ 4339988 w 4913194"/>
                <a:gd name="connsiteY63" fmla="*/ 723331 h 3930555"/>
                <a:gd name="connsiteX64" fmla="*/ 4176215 w 4913194"/>
                <a:gd name="connsiteY64" fmla="*/ 859809 h 3930555"/>
                <a:gd name="connsiteX65" fmla="*/ 4203511 w 4913194"/>
                <a:gd name="connsiteY65" fmla="*/ 1323833 h 3930555"/>
                <a:gd name="connsiteX66" fmla="*/ 4107976 w 4913194"/>
                <a:gd name="connsiteY66" fmla="*/ 2169994 h 3930555"/>
                <a:gd name="connsiteX67" fmla="*/ 3998794 w 4913194"/>
                <a:gd name="connsiteY67" fmla="*/ 2715904 h 3930555"/>
                <a:gd name="connsiteX68" fmla="*/ 3916908 w 4913194"/>
                <a:gd name="connsiteY68" fmla="*/ 3589361 h 3930555"/>
                <a:gd name="connsiteX69" fmla="*/ 3875964 w 4913194"/>
                <a:gd name="connsiteY69" fmla="*/ 3684895 h 3930555"/>
                <a:gd name="connsiteX70" fmla="*/ 3739487 w 4913194"/>
                <a:gd name="connsiteY70" fmla="*/ 3821373 h 3930555"/>
                <a:gd name="connsiteX71" fmla="*/ 3330054 w 4913194"/>
                <a:gd name="connsiteY71" fmla="*/ 3889612 h 3930555"/>
                <a:gd name="connsiteX72" fmla="*/ 3179928 w 4913194"/>
                <a:gd name="connsiteY72" fmla="*/ 3930555 h 3930555"/>
                <a:gd name="connsiteX73" fmla="*/ 3057099 w 4913194"/>
                <a:gd name="connsiteY73" fmla="*/ 3916907 h 3930555"/>
                <a:gd name="connsiteX74" fmla="*/ 2934269 w 4913194"/>
                <a:gd name="connsiteY74" fmla="*/ 3848668 h 3930555"/>
                <a:gd name="connsiteX75" fmla="*/ 2756848 w 4913194"/>
                <a:gd name="connsiteY75" fmla="*/ 3916907 h 3930555"/>
                <a:gd name="connsiteX76" fmla="*/ 2674961 w 4913194"/>
                <a:gd name="connsiteY76" fmla="*/ 3889612 h 3930555"/>
                <a:gd name="connsiteX77" fmla="*/ 2442949 w 4913194"/>
                <a:gd name="connsiteY77" fmla="*/ 3739486 h 3930555"/>
                <a:gd name="connsiteX78" fmla="*/ 2415654 w 4913194"/>
                <a:gd name="connsiteY78" fmla="*/ 3712191 h 3930555"/>
                <a:gd name="connsiteX79" fmla="*/ 2224585 w 4913194"/>
                <a:gd name="connsiteY79" fmla="*/ 3698543 h 3930555"/>
                <a:gd name="connsiteX80" fmla="*/ 2129051 w 4913194"/>
                <a:gd name="connsiteY80" fmla="*/ 3657600 h 3930555"/>
                <a:gd name="connsiteX81" fmla="*/ 2019869 w 4913194"/>
                <a:gd name="connsiteY81" fmla="*/ 3616656 h 3930555"/>
                <a:gd name="connsiteX82" fmla="*/ 1610436 w 4913194"/>
                <a:gd name="connsiteY82" fmla="*/ 3753134 h 3930555"/>
                <a:gd name="connsiteX83" fmla="*/ 1433015 w 4913194"/>
                <a:gd name="connsiteY83" fmla="*/ 3753134 h 3930555"/>
                <a:gd name="connsiteX84" fmla="*/ 900752 w 4913194"/>
                <a:gd name="connsiteY84" fmla="*/ 3835021 h 3930555"/>
                <a:gd name="connsiteX85" fmla="*/ 600502 w 4913194"/>
                <a:gd name="connsiteY85" fmla="*/ 3862316 h 3930555"/>
                <a:gd name="connsiteX86" fmla="*/ 423081 w 4913194"/>
                <a:gd name="connsiteY86" fmla="*/ 3821373 h 3930555"/>
                <a:gd name="connsiteX87" fmla="*/ 354842 w 4913194"/>
                <a:gd name="connsiteY87" fmla="*/ 3848668 h 3930555"/>
                <a:gd name="connsiteX88" fmla="*/ 259308 w 4913194"/>
                <a:gd name="connsiteY88" fmla="*/ 3794077 h 3930555"/>
                <a:gd name="connsiteX89" fmla="*/ 95534 w 4913194"/>
                <a:gd name="connsiteY89" fmla="*/ 3780430 h 3930555"/>
                <a:gd name="connsiteX90" fmla="*/ 0 w 4913194"/>
                <a:gd name="connsiteY90" fmla="*/ 3698543 h 3930555"/>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 ang="0">
                  <a:pos x="connsiteX73" y="connsiteY73"/>
                </a:cxn>
                <a:cxn ang="0">
                  <a:pos x="connsiteX74" y="connsiteY74"/>
                </a:cxn>
                <a:cxn ang="0">
                  <a:pos x="connsiteX75" y="connsiteY75"/>
                </a:cxn>
                <a:cxn ang="0">
                  <a:pos x="connsiteX76" y="connsiteY76"/>
                </a:cxn>
                <a:cxn ang="0">
                  <a:pos x="connsiteX77" y="connsiteY77"/>
                </a:cxn>
                <a:cxn ang="0">
                  <a:pos x="connsiteX78" y="connsiteY78"/>
                </a:cxn>
                <a:cxn ang="0">
                  <a:pos x="connsiteX79" y="connsiteY79"/>
                </a:cxn>
                <a:cxn ang="0">
                  <a:pos x="connsiteX80" y="connsiteY80"/>
                </a:cxn>
                <a:cxn ang="0">
                  <a:pos x="connsiteX81" y="connsiteY81"/>
                </a:cxn>
                <a:cxn ang="0">
                  <a:pos x="connsiteX82" y="connsiteY82"/>
                </a:cxn>
                <a:cxn ang="0">
                  <a:pos x="connsiteX83" y="connsiteY83"/>
                </a:cxn>
                <a:cxn ang="0">
                  <a:pos x="connsiteX84" y="connsiteY84"/>
                </a:cxn>
                <a:cxn ang="0">
                  <a:pos x="connsiteX85" y="connsiteY85"/>
                </a:cxn>
                <a:cxn ang="0">
                  <a:pos x="connsiteX86" y="connsiteY86"/>
                </a:cxn>
                <a:cxn ang="0">
                  <a:pos x="connsiteX87" y="connsiteY87"/>
                </a:cxn>
                <a:cxn ang="0">
                  <a:pos x="connsiteX88" y="connsiteY88"/>
                </a:cxn>
                <a:cxn ang="0">
                  <a:pos x="connsiteX89" y="connsiteY89"/>
                </a:cxn>
                <a:cxn ang="0">
                  <a:pos x="connsiteX90" y="connsiteY90"/>
                </a:cxn>
              </a:cxnLst>
              <a:rect l="l" t="t" r="r" b="b"/>
              <a:pathLst>
                <a:path w="4913194" h="3930555">
                  <a:moveTo>
                    <a:pt x="0" y="3698543"/>
                  </a:moveTo>
                  <a:lnTo>
                    <a:pt x="13648" y="3316406"/>
                  </a:lnTo>
                  <a:lnTo>
                    <a:pt x="27296" y="3111689"/>
                  </a:lnTo>
                  <a:lnTo>
                    <a:pt x="109182" y="2784143"/>
                  </a:lnTo>
                  <a:lnTo>
                    <a:pt x="136478" y="2497540"/>
                  </a:lnTo>
                  <a:lnTo>
                    <a:pt x="218364" y="2402006"/>
                  </a:lnTo>
                  <a:lnTo>
                    <a:pt x="163773" y="2169994"/>
                  </a:lnTo>
                  <a:lnTo>
                    <a:pt x="354842" y="2169994"/>
                  </a:lnTo>
                  <a:lnTo>
                    <a:pt x="504967" y="2169994"/>
                  </a:lnTo>
                  <a:lnTo>
                    <a:pt x="545911" y="2224585"/>
                  </a:lnTo>
                  <a:lnTo>
                    <a:pt x="668740" y="2183642"/>
                  </a:lnTo>
                  <a:lnTo>
                    <a:pt x="791570" y="2279176"/>
                  </a:lnTo>
                  <a:lnTo>
                    <a:pt x="887105" y="2224585"/>
                  </a:lnTo>
                  <a:lnTo>
                    <a:pt x="900752" y="2142698"/>
                  </a:lnTo>
                  <a:lnTo>
                    <a:pt x="996287" y="2088107"/>
                  </a:lnTo>
                  <a:lnTo>
                    <a:pt x="1078173" y="2183642"/>
                  </a:lnTo>
                  <a:lnTo>
                    <a:pt x="1241946" y="2169994"/>
                  </a:lnTo>
                  <a:lnTo>
                    <a:pt x="1405720" y="2088107"/>
                  </a:lnTo>
                  <a:lnTo>
                    <a:pt x="1446663" y="2088107"/>
                  </a:lnTo>
                  <a:lnTo>
                    <a:pt x="1514902" y="2047164"/>
                  </a:lnTo>
                  <a:lnTo>
                    <a:pt x="1624084" y="2101755"/>
                  </a:lnTo>
                  <a:lnTo>
                    <a:pt x="1637731" y="2115403"/>
                  </a:lnTo>
                  <a:lnTo>
                    <a:pt x="1705970" y="2101755"/>
                  </a:lnTo>
                  <a:lnTo>
                    <a:pt x="1774209" y="2129050"/>
                  </a:lnTo>
                  <a:lnTo>
                    <a:pt x="1774209" y="2265528"/>
                  </a:lnTo>
                  <a:lnTo>
                    <a:pt x="1951630" y="2511188"/>
                  </a:lnTo>
                  <a:lnTo>
                    <a:pt x="2129051" y="2538483"/>
                  </a:lnTo>
                  <a:lnTo>
                    <a:pt x="2210937" y="2497540"/>
                  </a:lnTo>
                  <a:lnTo>
                    <a:pt x="2538484" y="2402006"/>
                  </a:lnTo>
                  <a:lnTo>
                    <a:pt x="2688609" y="2169994"/>
                  </a:lnTo>
                  <a:lnTo>
                    <a:pt x="3098042" y="2169994"/>
                  </a:lnTo>
                  <a:lnTo>
                    <a:pt x="3084394" y="2074459"/>
                  </a:lnTo>
                  <a:lnTo>
                    <a:pt x="3070746" y="1978925"/>
                  </a:lnTo>
                  <a:lnTo>
                    <a:pt x="3248167" y="1856095"/>
                  </a:lnTo>
                  <a:lnTo>
                    <a:pt x="3289111" y="1801504"/>
                  </a:lnTo>
                  <a:lnTo>
                    <a:pt x="3248167" y="1678674"/>
                  </a:lnTo>
                  <a:lnTo>
                    <a:pt x="3330054" y="1351128"/>
                  </a:lnTo>
                  <a:lnTo>
                    <a:pt x="3370997" y="1228298"/>
                  </a:lnTo>
                  <a:lnTo>
                    <a:pt x="3330054" y="1078173"/>
                  </a:lnTo>
                  <a:lnTo>
                    <a:pt x="3330054" y="887104"/>
                  </a:lnTo>
                  <a:lnTo>
                    <a:pt x="3398293" y="791570"/>
                  </a:lnTo>
                  <a:lnTo>
                    <a:pt x="3384645" y="709683"/>
                  </a:lnTo>
                  <a:lnTo>
                    <a:pt x="3507475" y="573206"/>
                  </a:lnTo>
                  <a:lnTo>
                    <a:pt x="3521122" y="436728"/>
                  </a:lnTo>
                  <a:lnTo>
                    <a:pt x="3548418" y="368489"/>
                  </a:lnTo>
                  <a:lnTo>
                    <a:pt x="3671248" y="423080"/>
                  </a:lnTo>
                  <a:lnTo>
                    <a:pt x="3671248" y="573206"/>
                  </a:lnTo>
                  <a:lnTo>
                    <a:pt x="3753134" y="641444"/>
                  </a:lnTo>
                  <a:lnTo>
                    <a:pt x="3807725" y="709683"/>
                  </a:lnTo>
                  <a:lnTo>
                    <a:pt x="3944203" y="791570"/>
                  </a:lnTo>
                  <a:lnTo>
                    <a:pt x="3944203" y="709683"/>
                  </a:lnTo>
                  <a:lnTo>
                    <a:pt x="3903260" y="655092"/>
                  </a:lnTo>
                  <a:lnTo>
                    <a:pt x="3903260" y="573206"/>
                  </a:lnTo>
                  <a:lnTo>
                    <a:pt x="4107976" y="450376"/>
                  </a:lnTo>
                  <a:lnTo>
                    <a:pt x="4217158" y="477671"/>
                  </a:lnTo>
                  <a:lnTo>
                    <a:pt x="4421875" y="286603"/>
                  </a:lnTo>
                  <a:lnTo>
                    <a:pt x="4599296" y="177421"/>
                  </a:lnTo>
                  <a:lnTo>
                    <a:pt x="4585648" y="81886"/>
                  </a:lnTo>
                  <a:lnTo>
                    <a:pt x="4653887" y="13647"/>
                  </a:lnTo>
                  <a:lnTo>
                    <a:pt x="4735773" y="0"/>
                  </a:lnTo>
                  <a:lnTo>
                    <a:pt x="4913194" y="0"/>
                  </a:lnTo>
                  <a:lnTo>
                    <a:pt x="4612943" y="368489"/>
                  </a:lnTo>
                  <a:lnTo>
                    <a:pt x="4421875" y="641444"/>
                  </a:lnTo>
                  <a:lnTo>
                    <a:pt x="4339988" y="723331"/>
                  </a:lnTo>
                  <a:lnTo>
                    <a:pt x="4176215" y="859809"/>
                  </a:lnTo>
                  <a:lnTo>
                    <a:pt x="4203511" y="1323833"/>
                  </a:lnTo>
                  <a:lnTo>
                    <a:pt x="4107976" y="2169994"/>
                  </a:lnTo>
                  <a:lnTo>
                    <a:pt x="3998794" y="2715904"/>
                  </a:lnTo>
                  <a:lnTo>
                    <a:pt x="3916908" y="3589361"/>
                  </a:lnTo>
                  <a:lnTo>
                    <a:pt x="3875964" y="3684895"/>
                  </a:lnTo>
                  <a:lnTo>
                    <a:pt x="3739487" y="3821373"/>
                  </a:lnTo>
                  <a:lnTo>
                    <a:pt x="3330054" y="3889612"/>
                  </a:lnTo>
                  <a:lnTo>
                    <a:pt x="3179928" y="3930555"/>
                  </a:lnTo>
                  <a:lnTo>
                    <a:pt x="3057099" y="3916907"/>
                  </a:lnTo>
                  <a:lnTo>
                    <a:pt x="2934269" y="3848668"/>
                  </a:lnTo>
                  <a:lnTo>
                    <a:pt x="2756848" y="3916907"/>
                  </a:lnTo>
                  <a:lnTo>
                    <a:pt x="2674961" y="3889612"/>
                  </a:lnTo>
                  <a:lnTo>
                    <a:pt x="2442949" y="3739486"/>
                  </a:lnTo>
                  <a:lnTo>
                    <a:pt x="2415654" y="3712191"/>
                  </a:lnTo>
                  <a:lnTo>
                    <a:pt x="2224585" y="3698543"/>
                  </a:lnTo>
                  <a:lnTo>
                    <a:pt x="2129051" y="3657600"/>
                  </a:lnTo>
                  <a:lnTo>
                    <a:pt x="2019869" y="3616656"/>
                  </a:lnTo>
                  <a:lnTo>
                    <a:pt x="1610436" y="3753134"/>
                  </a:lnTo>
                  <a:lnTo>
                    <a:pt x="1433015" y="3753134"/>
                  </a:lnTo>
                  <a:lnTo>
                    <a:pt x="900752" y="3835021"/>
                  </a:lnTo>
                  <a:lnTo>
                    <a:pt x="600502" y="3862316"/>
                  </a:lnTo>
                  <a:lnTo>
                    <a:pt x="423081" y="3821373"/>
                  </a:lnTo>
                  <a:lnTo>
                    <a:pt x="354842" y="3848668"/>
                  </a:lnTo>
                  <a:lnTo>
                    <a:pt x="259308" y="3794077"/>
                  </a:lnTo>
                  <a:lnTo>
                    <a:pt x="95534" y="3780430"/>
                  </a:lnTo>
                  <a:lnTo>
                    <a:pt x="0" y="3698543"/>
                  </a:lnTo>
                  <a:close/>
                </a:path>
              </a:pathLst>
            </a:custGeom>
            <a:solidFill>
              <a:schemeClr val="accent2">
                <a:lumMod val="60000"/>
                <a:lumOff val="40000"/>
                <a:alpha val="4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9" name="צורה חופשית 8"/>
            <p:cNvSpPr/>
            <p:nvPr/>
          </p:nvSpPr>
          <p:spPr>
            <a:xfrm>
              <a:off x="5259807" y="1579629"/>
              <a:ext cx="1383895" cy="2879326"/>
            </a:xfrm>
            <a:custGeom>
              <a:avLst/>
              <a:gdLst>
                <a:gd name="connsiteX0" fmla="*/ 0 w 2197289"/>
                <a:gd name="connsiteY0" fmla="*/ 3807725 h 5827594"/>
                <a:gd name="connsiteX1" fmla="*/ 68238 w 2197289"/>
                <a:gd name="connsiteY1" fmla="*/ 3875964 h 5827594"/>
                <a:gd name="connsiteX2" fmla="*/ 68238 w 2197289"/>
                <a:gd name="connsiteY2" fmla="*/ 4012442 h 5827594"/>
                <a:gd name="connsiteX3" fmla="*/ 300250 w 2197289"/>
                <a:gd name="connsiteY3" fmla="*/ 4107976 h 5827594"/>
                <a:gd name="connsiteX4" fmla="*/ 354841 w 2197289"/>
                <a:gd name="connsiteY4" fmla="*/ 4271749 h 5827594"/>
                <a:gd name="connsiteX5" fmla="*/ 354841 w 2197289"/>
                <a:gd name="connsiteY5" fmla="*/ 4722125 h 5827594"/>
                <a:gd name="connsiteX6" fmla="*/ 286603 w 2197289"/>
                <a:gd name="connsiteY6" fmla="*/ 5295331 h 5827594"/>
                <a:gd name="connsiteX7" fmla="*/ 272955 w 2197289"/>
                <a:gd name="connsiteY7" fmla="*/ 5513695 h 5827594"/>
                <a:gd name="connsiteX8" fmla="*/ 27295 w 2197289"/>
                <a:gd name="connsiteY8" fmla="*/ 5827594 h 5827594"/>
                <a:gd name="connsiteX9" fmla="*/ 600501 w 2197289"/>
                <a:gd name="connsiteY9" fmla="*/ 5827594 h 5827594"/>
                <a:gd name="connsiteX10" fmla="*/ 627797 w 2197289"/>
                <a:gd name="connsiteY10" fmla="*/ 5745707 h 5827594"/>
                <a:gd name="connsiteX11" fmla="*/ 791570 w 2197289"/>
                <a:gd name="connsiteY11" fmla="*/ 5704764 h 5827594"/>
                <a:gd name="connsiteX12" fmla="*/ 887104 w 2197289"/>
                <a:gd name="connsiteY12" fmla="*/ 5650173 h 5827594"/>
                <a:gd name="connsiteX13" fmla="*/ 996286 w 2197289"/>
                <a:gd name="connsiteY13" fmla="*/ 5568286 h 5827594"/>
                <a:gd name="connsiteX14" fmla="*/ 1132764 w 2197289"/>
                <a:gd name="connsiteY14" fmla="*/ 5554639 h 5827594"/>
                <a:gd name="connsiteX15" fmla="*/ 1201003 w 2197289"/>
                <a:gd name="connsiteY15" fmla="*/ 5404513 h 5827594"/>
                <a:gd name="connsiteX16" fmla="*/ 1282889 w 2197289"/>
                <a:gd name="connsiteY16" fmla="*/ 5377218 h 5827594"/>
                <a:gd name="connsiteX17" fmla="*/ 1828800 w 2197289"/>
                <a:gd name="connsiteY17" fmla="*/ 4599295 h 5827594"/>
                <a:gd name="connsiteX18" fmla="*/ 1842447 w 2197289"/>
                <a:gd name="connsiteY18" fmla="*/ 4503761 h 5827594"/>
                <a:gd name="connsiteX19" fmla="*/ 1883391 w 2197289"/>
                <a:gd name="connsiteY19" fmla="*/ 4421874 h 5827594"/>
                <a:gd name="connsiteX20" fmla="*/ 1842447 w 2197289"/>
                <a:gd name="connsiteY20" fmla="*/ 4176215 h 5827594"/>
                <a:gd name="connsiteX21" fmla="*/ 2074459 w 2197289"/>
                <a:gd name="connsiteY21" fmla="*/ 3712191 h 5827594"/>
                <a:gd name="connsiteX22" fmla="*/ 2115403 w 2197289"/>
                <a:gd name="connsiteY22" fmla="*/ 3712191 h 5827594"/>
                <a:gd name="connsiteX23" fmla="*/ 2197289 w 2197289"/>
                <a:gd name="connsiteY23" fmla="*/ 3575713 h 5827594"/>
                <a:gd name="connsiteX24" fmla="*/ 2047164 w 2197289"/>
                <a:gd name="connsiteY24" fmla="*/ 3152633 h 5827594"/>
                <a:gd name="connsiteX25" fmla="*/ 1897038 w 2197289"/>
                <a:gd name="connsiteY25" fmla="*/ 2101755 h 5827594"/>
                <a:gd name="connsiteX26" fmla="*/ 1651379 w 2197289"/>
                <a:gd name="connsiteY26" fmla="*/ 1965277 h 5827594"/>
                <a:gd name="connsiteX27" fmla="*/ 1637731 w 2197289"/>
                <a:gd name="connsiteY27" fmla="*/ 1856095 h 5827594"/>
                <a:gd name="connsiteX28" fmla="*/ 1842447 w 2197289"/>
                <a:gd name="connsiteY28" fmla="*/ 1528549 h 5827594"/>
                <a:gd name="connsiteX29" fmla="*/ 1801504 w 2197289"/>
                <a:gd name="connsiteY29" fmla="*/ 1201003 h 5827594"/>
                <a:gd name="connsiteX30" fmla="*/ 1665027 w 2197289"/>
                <a:gd name="connsiteY30" fmla="*/ 1160059 h 5827594"/>
                <a:gd name="connsiteX31" fmla="*/ 1624083 w 2197289"/>
                <a:gd name="connsiteY31" fmla="*/ 723331 h 5827594"/>
                <a:gd name="connsiteX32" fmla="*/ 1364776 w 2197289"/>
                <a:gd name="connsiteY32" fmla="*/ 477671 h 5827594"/>
                <a:gd name="connsiteX33" fmla="*/ 1542197 w 2197289"/>
                <a:gd name="connsiteY33" fmla="*/ 109182 h 5827594"/>
                <a:gd name="connsiteX34" fmla="*/ 1310185 w 2197289"/>
                <a:gd name="connsiteY34" fmla="*/ 0 h 5827594"/>
                <a:gd name="connsiteX35" fmla="*/ 1173707 w 2197289"/>
                <a:gd name="connsiteY35" fmla="*/ 0 h 5827594"/>
                <a:gd name="connsiteX36" fmla="*/ 600501 w 2197289"/>
                <a:gd name="connsiteY36" fmla="*/ 750627 h 5827594"/>
                <a:gd name="connsiteX37" fmla="*/ 532262 w 2197289"/>
                <a:gd name="connsiteY37" fmla="*/ 832513 h 5827594"/>
                <a:gd name="connsiteX38" fmla="*/ 450376 w 2197289"/>
                <a:gd name="connsiteY38" fmla="*/ 832513 h 5827594"/>
                <a:gd name="connsiteX39" fmla="*/ 464024 w 2197289"/>
                <a:gd name="connsiteY39" fmla="*/ 1542197 h 5827594"/>
                <a:gd name="connsiteX40" fmla="*/ 409433 w 2197289"/>
                <a:gd name="connsiteY40" fmla="*/ 1801504 h 5827594"/>
                <a:gd name="connsiteX41" fmla="*/ 368489 w 2197289"/>
                <a:gd name="connsiteY41" fmla="*/ 2251880 h 5827594"/>
                <a:gd name="connsiteX42" fmla="*/ 313898 w 2197289"/>
                <a:gd name="connsiteY42" fmla="*/ 2374710 h 5827594"/>
                <a:gd name="connsiteX43" fmla="*/ 354841 w 2197289"/>
                <a:gd name="connsiteY43" fmla="*/ 2524836 h 5827594"/>
                <a:gd name="connsiteX44" fmla="*/ 259307 w 2197289"/>
                <a:gd name="connsiteY44" fmla="*/ 2634018 h 5827594"/>
                <a:gd name="connsiteX45" fmla="*/ 245659 w 2197289"/>
                <a:gd name="connsiteY45" fmla="*/ 3125337 h 5827594"/>
                <a:gd name="connsiteX46" fmla="*/ 163773 w 2197289"/>
                <a:gd name="connsiteY46" fmla="*/ 3698543 h 5827594"/>
                <a:gd name="connsiteX47" fmla="*/ 0 w 2197289"/>
                <a:gd name="connsiteY47" fmla="*/ 3807725 h 5827594"/>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Lst>
              <a:rect l="l" t="t" r="r" b="b"/>
              <a:pathLst>
                <a:path w="2197289" h="5827594">
                  <a:moveTo>
                    <a:pt x="0" y="3807725"/>
                  </a:moveTo>
                  <a:lnTo>
                    <a:pt x="68238" y="3875964"/>
                  </a:lnTo>
                  <a:lnTo>
                    <a:pt x="68238" y="4012442"/>
                  </a:lnTo>
                  <a:lnTo>
                    <a:pt x="300250" y="4107976"/>
                  </a:lnTo>
                  <a:lnTo>
                    <a:pt x="354841" y="4271749"/>
                  </a:lnTo>
                  <a:lnTo>
                    <a:pt x="354841" y="4722125"/>
                  </a:lnTo>
                  <a:lnTo>
                    <a:pt x="286603" y="5295331"/>
                  </a:lnTo>
                  <a:lnTo>
                    <a:pt x="272955" y="5513695"/>
                  </a:lnTo>
                  <a:lnTo>
                    <a:pt x="27295" y="5827594"/>
                  </a:lnTo>
                  <a:lnTo>
                    <a:pt x="600501" y="5827594"/>
                  </a:lnTo>
                  <a:lnTo>
                    <a:pt x="627797" y="5745707"/>
                  </a:lnTo>
                  <a:lnTo>
                    <a:pt x="791570" y="5704764"/>
                  </a:lnTo>
                  <a:lnTo>
                    <a:pt x="887104" y="5650173"/>
                  </a:lnTo>
                  <a:lnTo>
                    <a:pt x="996286" y="5568286"/>
                  </a:lnTo>
                  <a:lnTo>
                    <a:pt x="1132764" y="5554639"/>
                  </a:lnTo>
                  <a:lnTo>
                    <a:pt x="1201003" y="5404513"/>
                  </a:lnTo>
                  <a:lnTo>
                    <a:pt x="1282889" y="5377218"/>
                  </a:lnTo>
                  <a:lnTo>
                    <a:pt x="1828800" y="4599295"/>
                  </a:lnTo>
                  <a:lnTo>
                    <a:pt x="1842447" y="4503761"/>
                  </a:lnTo>
                  <a:lnTo>
                    <a:pt x="1883391" y="4421874"/>
                  </a:lnTo>
                  <a:lnTo>
                    <a:pt x="1842447" y="4176215"/>
                  </a:lnTo>
                  <a:lnTo>
                    <a:pt x="2074459" y="3712191"/>
                  </a:lnTo>
                  <a:lnTo>
                    <a:pt x="2115403" y="3712191"/>
                  </a:lnTo>
                  <a:lnTo>
                    <a:pt x="2197289" y="3575713"/>
                  </a:lnTo>
                  <a:lnTo>
                    <a:pt x="2047164" y="3152633"/>
                  </a:lnTo>
                  <a:lnTo>
                    <a:pt x="1897038" y="2101755"/>
                  </a:lnTo>
                  <a:lnTo>
                    <a:pt x="1651379" y="1965277"/>
                  </a:lnTo>
                  <a:lnTo>
                    <a:pt x="1637731" y="1856095"/>
                  </a:lnTo>
                  <a:lnTo>
                    <a:pt x="1842447" y="1528549"/>
                  </a:lnTo>
                  <a:lnTo>
                    <a:pt x="1801504" y="1201003"/>
                  </a:lnTo>
                  <a:lnTo>
                    <a:pt x="1665027" y="1160059"/>
                  </a:lnTo>
                  <a:lnTo>
                    <a:pt x="1624083" y="723331"/>
                  </a:lnTo>
                  <a:lnTo>
                    <a:pt x="1364776" y="477671"/>
                  </a:lnTo>
                  <a:lnTo>
                    <a:pt x="1542197" y="109182"/>
                  </a:lnTo>
                  <a:lnTo>
                    <a:pt x="1310185" y="0"/>
                  </a:lnTo>
                  <a:lnTo>
                    <a:pt x="1173707" y="0"/>
                  </a:lnTo>
                  <a:lnTo>
                    <a:pt x="600501" y="750627"/>
                  </a:lnTo>
                  <a:lnTo>
                    <a:pt x="532262" y="832513"/>
                  </a:lnTo>
                  <a:lnTo>
                    <a:pt x="450376" y="832513"/>
                  </a:lnTo>
                  <a:lnTo>
                    <a:pt x="464024" y="1542197"/>
                  </a:lnTo>
                  <a:lnTo>
                    <a:pt x="409433" y="1801504"/>
                  </a:lnTo>
                  <a:lnTo>
                    <a:pt x="368489" y="2251880"/>
                  </a:lnTo>
                  <a:lnTo>
                    <a:pt x="313898" y="2374710"/>
                  </a:lnTo>
                  <a:lnTo>
                    <a:pt x="354841" y="2524836"/>
                  </a:lnTo>
                  <a:lnTo>
                    <a:pt x="259307" y="2634018"/>
                  </a:lnTo>
                  <a:lnTo>
                    <a:pt x="245659" y="3125337"/>
                  </a:lnTo>
                  <a:lnTo>
                    <a:pt x="163773" y="3698543"/>
                  </a:lnTo>
                  <a:lnTo>
                    <a:pt x="0" y="3807725"/>
                  </a:lnTo>
                  <a:close/>
                </a:path>
              </a:pathLst>
            </a:custGeom>
            <a:solidFill>
              <a:srgbClr val="FF2F2F">
                <a:alpha val="4470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prstClr val="white"/>
                </a:solidFill>
              </a:endParaRPr>
            </a:p>
          </p:txBody>
        </p:sp>
        <p:sp>
          <p:nvSpPr>
            <p:cNvPr id="13" name="TextBox 12"/>
            <p:cNvSpPr txBox="1"/>
            <p:nvPr/>
          </p:nvSpPr>
          <p:spPr>
            <a:xfrm>
              <a:off x="5316162" y="2552691"/>
              <a:ext cx="1253602" cy="707886"/>
            </a:xfrm>
            <a:prstGeom prst="rect">
              <a:avLst/>
            </a:prstGeom>
            <a:noFill/>
          </p:spPr>
          <p:txBody>
            <a:bodyPr wrap="square" rtlCol="1">
              <a:spAutoFit/>
            </a:bodyPr>
            <a:lstStyle/>
            <a:p>
              <a:pPr algn="ctr" rtl="0"/>
              <a:r>
                <a:rPr lang="he-IL" sz="2000" b="1" dirty="0" smtClean="0">
                  <a:solidFill>
                    <a:prstClr val="white"/>
                  </a:solidFill>
                  <a:effectLst>
                    <a:glow rad="228600">
                      <a:srgbClr val="C00000">
                        <a:alpha val="40000"/>
                      </a:srgbClr>
                    </a:glow>
                    <a:outerShdw blurRad="38100" dist="38100" dir="2700000" algn="tl">
                      <a:srgbClr val="000000">
                        <a:alpha val="43137"/>
                      </a:srgbClr>
                    </a:outerShdw>
                  </a:effectLst>
                  <a:latin typeface="David" pitchFamily="34" charset="-79"/>
                  <a:cs typeface="David" pitchFamily="34" charset="-79"/>
                </a:rPr>
                <a:t>210</a:t>
              </a:r>
            </a:p>
            <a:p>
              <a:pPr algn="ctr" rtl="0"/>
              <a:r>
                <a:rPr lang="en-US" sz="2000" b="1" dirty="0" smtClean="0">
                  <a:solidFill>
                    <a:prstClr val="white"/>
                  </a:solidFill>
                  <a:effectLst>
                    <a:glow rad="228600">
                      <a:srgbClr val="C00000">
                        <a:alpha val="40000"/>
                      </a:srgbClr>
                    </a:glow>
                    <a:outerShdw blurRad="38100" dist="38100" dir="2700000" algn="tl">
                      <a:srgbClr val="000000">
                        <a:alpha val="43137"/>
                      </a:srgbClr>
                    </a:outerShdw>
                  </a:effectLst>
                  <a:latin typeface="David" pitchFamily="34" charset="-79"/>
                  <a:cs typeface="David" pitchFamily="34" charset="-79"/>
                </a:rPr>
                <a:t>Division</a:t>
              </a:r>
              <a:endParaRPr lang="he-IL" sz="2000" b="1" dirty="0">
                <a:solidFill>
                  <a:prstClr val="white"/>
                </a:solidFill>
                <a:effectLst>
                  <a:glow rad="228600">
                    <a:srgbClr val="C00000">
                      <a:alpha val="40000"/>
                    </a:srgbClr>
                  </a:glow>
                  <a:outerShdw blurRad="38100" dist="38100" dir="2700000" algn="tl">
                    <a:srgbClr val="000000">
                      <a:alpha val="43137"/>
                    </a:srgbClr>
                  </a:outerShdw>
                </a:effectLst>
                <a:latin typeface="David" pitchFamily="34" charset="-79"/>
                <a:cs typeface="David" pitchFamily="34" charset="-79"/>
              </a:endParaRPr>
            </a:p>
          </p:txBody>
        </p:sp>
        <p:sp>
          <p:nvSpPr>
            <p:cNvPr id="14" name="TextBox 13"/>
            <p:cNvSpPr txBox="1"/>
            <p:nvPr/>
          </p:nvSpPr>
          <p:spPr>
            <a:xfrm>
              <a:off x="3100915" y="2934222"/>
              <a:ext cx="1752547" cy="400110"/>
            </a:xfrm>
            <a:prstGeom prst="rect">
              <a:avLst/>
            </a:prstGeom>
            <a:noFill/>
          </p:spPr>
          <p:txBody>
            <a:bodyPr wrap="square" rtlCol="1">
              <a:spAutoFit/>
            </a:bodyPr>
            <a:lstStyle/>
            <a:p>
              <a:pPr algn="l" rtl="0"/>
              <a:r>
                <a:rPr lang="he-IL" sz="2000" b="1" dirty="0" smtClean="0">
                  <a:solidFill>
                    <a:prstClr val="white"/>
                  </a:solidFill>
                  <a:effectLst>
                    <a:glow rad="228600">
                      <a:srgbClr val="0F6FC6">
                        <a:satMod val="175000"/>
                        <a:alpha val="40000"/>
                      </a:srgbClr>
                    </a:glow>
                    <a:outerShdw blurRad="38100" dist="38100" dir="2700000" algn="tl">
                      <a:srgbClr val="000000">
                        <a:alpha val="43137"/>
                      </a:srgbClr>
                    </a:outerShdw>
                  </a:effectLst>
                  <a:latin typeface="David" pitchFamily="34" charset="-79"/>
                  <a:cs typeface="David" pitchFamily="34" charset="-79"/>
                </a:rPr>
                <a:t>91 </a:t>
              </a:r>
              <a:r>
                <a:rPr lang="en-US" sz="2000" b="1" dirty="0" smtClean="0">
                  <a:solidFill>
                    <a:prstClr val="white"/>
                  </a:solidFill>
                  <a:effectLst>
                    <a:glow rad="228600">
                      <a:srgbClr val="0F6FC6">
                        <a:satMod val="175000"/>
                        <a:alpha val="40000"/>
                      </a:srgbClr>
                    </a:glow>
                    <a:outerShdw blurRad="38100" dist="38100" dir="2700000" algn="tl">
                      <a:srgbClr val="000000">
                        <a:alpha val="43137"/>
                      </a:srgbClr>
                    </a:outerShdw>
                  </a:effectLst>
                  <a:latin typeface="David" pitchFamily="34" charset="-79"/>
                  <a:cs typeface="David" pitchFamily="34" charset="-79"/>
                </a:rPr>
                <a:t> Division</a:t>
              </a:r>
              <a:endParaRPr lang="he-IL" sz="2000" b="1" dirty="0">
                <a:solidFill>
                  <a:prstClr val="white"/>
                </a:solidFill>
                <a:effectLst>
                  <a:glow rad="228600">
                    <a:srgbClr val="0F6FC6">
                      <a:satMod val="175000"/>
                      <a:alpha val="40000"/>
                    </a:srgbClr>
                  </a:glow>
                  <a:outerShdw blurRad="38100" dist="38100" dir="2700000" algn="tl">
                    <a:srgbClr val="000000">
                      <a:alpha val="43137"/>
                    </a:srgbClr>
                  </a:outerShdw>
                </a:effectLst>
                <a:latin typeface="David" pitchFamily="34" charset="-79"/>
                <a:cs typeface="David" pitchFamily="34" charset="-79"/>
              </a:endParaRPr>
            </a:p>
          </p:txBody>
        </p:sp>
      </p:grpSp>
      <p:grpSp>
        <p:nvGrpSpPr>
          <p:cNvPr id="15" name="קבוצה 14"/>
          <p:cNvGrpSpPr/>
          <p:nvPr/>
        </p:nvGrpSpPr>
        <p:grpSpPr>
          <a:xfrm>
            <a:off x="6696090" y="2295517"/>
            <a:ext cx="2428860" cy="4286280"/>
            <a:chOff x="6696090" y="2295517"/>
            <a:chExt cx="2428860" cy="4286280"/>
          </a:xfrm>
        </p:grpSpPr>
        <p:pic>
          <p:nvPicPr>
            <p:cNvPr id="18" name="Picture 2"/>
            <p:cNvPicPr>
              <a:picLocks noChangeAspect="1" noChangeArrowheads="1"/>
            </p:cNvPicPr>
            <p:nvPr/>
          </p:nvPicPr>
          <p:blipFill>
            <a:blip r:embed="rId3" cstate="email"/>
            <a:srcRect b="-310"/>
            <a:stretch>
              <a:fillRect/>
            </a:stretch>
          </p:blipFill>
          <p:spPr bwMode="auto">
            <a:xfrm>
              <a:off x="6696090" y="2317364"/>
              <a:ext cx="2428860" cy="4264433"/>
            </a:xfrm>
            <a:prstGeom prst="rect">
              <a:avLst/>
            </a:prstGeom>
            <a:noFill/>
            <a:ln w="19050">
              <a:solidFill>
                <a:schemeClr val="tx1"/>
              </a:solidFill>
              <a:miter lim="800000"/>
              <a:headEnd/>
              <a:tailEnd/>
            </a:ln>
            <a:effectLst/>
          </p:spPr>
        </p:pic>
        <p:sp>
          <p:nvSpPr>
            <p:cNvPr id="19" name="צורה חופשית 18"/>
            <p:cNvSpPr/>
            <p:nvPr/>
          </p:nvSpPr>
          <p:spPr>
            <a:xfrm>
              <a:off x="6722985" y="2694007"/>
              <a:ext cx="2342724" cy="3878643"/>
            </a:xfrm>
            <a:custGeom>
              <a:avLst/>
              <a:gdLst>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436728 w 2825087"/>
                <a:gd name="connsiteY50" fmla="*/ 4626591 h 5977720"/>
                <a:gd name="connsiteX51" fmla="*/ 504967 w 2825087"/>
                <a:gd name="connsiteY51" fmla="*/ 4435523 h 5977720"/>
                <a:gd name="connsiteX52" fmla="*/ 504967 w 2825087"/>
                <a:gd name="connsiteY52" fmla="*/ 4271750 h 5977720"/>
                <a:gd name="connsiteX53" fmla="*/ 341194 w 2825087"/>
                <a:gd name="connsiteY53" fmla="*/ 4067033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467633 w 2825087"/>
                <a:gd name="connsiteY50" fmla="*/ 4634495 h 5977720"/>
                <a:gd name="connsiteX51" fmla="*/ 504967 w 2825087"/>
                <a:gd name="connsiteY51" fmla="*/ 4435523 h 5977720"/>
                <a:gd name="connsiteX52" fmla="*/ 504967 w 2825087"/>
                <a:gd name="connsiteY52" fmla="*/ 4271750 h 5977720"/>
                <a:gd name="connsiteX53" fmla="*/ 341194 w 2825087"/>
                <a:gd name="connsiteY53" fmla="*/ 4067033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467633 w 2825087"/>
                <a:gd name="connsiteY50" fmla="*/ 4634495 h 5977720"/>
                <a:gd name="connsiteX51" fmla="*/ 539071 w 2825087"/>
                <a:gd name="connsiteY51" fmla="*/ 4420181 h 5977720"/>
                <a:gd name="connsiteX52" fmla="*/ 504967 w 2825087"/>
                <a:gd name="connsiteY52" fmla="*/ 4271750 h 5977720"/>
                <a:gd name="connsiteX53" fmla="*/ 341194 w 2825087"/>
                <a:gd name="connsiteY53" fmla="*/ 4067033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539071 w 2825087"/>
                <a:gd name="connsiteY50" fmla="*/ 4634495 h 5977720"/>
                <a:gd name="connsiteX51" fmla="*/ 539071 w 2825087"/>
                <a:gd name="connsiteY51" fmla="*/ 4420181 h 5977720"/>
                <a:gd name="connsiteX52" fmla="*/ 504967 w 2825087"/>
                <a:gd name="connsiteY52" fmla="*/ 4271750 h 5977720"/>
                <a:gd name="connsiteX53" fmla="*/ 341194 w 2825087"/>
                <a:gd name="connsiteY53" fmla="*/ 4067033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539071 w 2825087"/>
                <a:gd name="connsiteY50" fmla="*/ 4634495 h 5977720"/>
                <a:gd name="connsiteX51" fmla="*/ 539071 w 2825087"/>
                <a:gd name="connsiteY51" fmla="*/ 4420181 h 5977720"/>
                <a:gd name="connsiteX52" fmla="*/ 504967 w 2825087"/>
                <a:gd name="connsiteY52" fmla="*/ 4271750 h 5977720"/>
                <a:gd name="connsiteX53" fmla="*/ 396195 w 2825087"/>
                <a:gd name="connsiteY53" fmla="*/ 4062991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 name="connsiteX0" fmla="*/ 491319 w 2825087"/>
                <a:gd name="connsiteY0" fmla="*/ 436729 h 5977720"/>
                <a:gd name="connsiteX1" fmla="*/ 682388 w 2825087"/>
                <a:gd name="connsiteY1" fmla="*/ 245660 h 5977720"/>
                <a:gd name="connsiteX2" fmla="*/ 750627 w 2825087"/>
                <a:gd name="connsiteY2" fmla="*/ 218365 h 5977720"/>
                <a:gd name="connsiteX3" fmla="*/ 846161 w 2825087"/>
                <a:gd name="connsiteY3" fmla="*/ 232012 h 5977720"/>
                <a:gd name="connsiteX4" fmla="*/ 968991 w 2825087"/>
                <a:gd name="connsiteY4" fmla="*/ 300251 h 5977720"/>
                <a:gd name="connsiteX5" fmla="*/ 1119116 w 2825087"/>
                <a:gd name="connsiteY5" fmla="*/ 395785 h 5977720"/>
                <a:gd name="connsiteX6" fmla="*/ 1187355 w 2825087"/>
                <a:gd name="connsiteY6" fmla="*/ 368490 h 5977720"/>
                <a:gd name="connsiteX7" fmla="*/ 1187355 w 2825087"/>
                <a:gd name="connsiteY7" fmla="*/ 300251 h 5977720"/>
                <a:gd name="connsiteX8" fmla="*/ 1241946 w 2825087"/>
                <a:gd name="connsiteY8" fmla="*/ 232012 h 5977720"/>
                <a:gd name="connsiteX9" fmla="*/ 1310185 w 2825087"/>
                <a:gd name="connsiteY9" fmla="*/ 218365 h 5977720"/>
                <a:gd name="connsiteX10" fmla="*/ 1296537 w 2825087"/>
                <a:gd name="connsiteY10" fmla="*/ 136478 h 5977720"/>
                <a:gd name="connsiteX11" fmla="*/ 1337481 w 2825087"/>
                <a:gd name="connsiteY11" fmla="*/ 95535 h 5977720"/>
                <a:gd name="connsiteX12" fmla="*/ 1392072 w 2825087"/>
                <a:gd name="connsiteY12" fmla="*/ 163773 h 5977720"/>
                <a:gd name="connsiteX13" fmla="*/ 1514901 w 2825087"/>
                <a:gd name="connsiteY13" fmla="*/ 136478 h 5977720"/>
                <a:gd name="connsiteX14" fmla="*/ 1583140 w 2825087"/>
                <a:gd name="connsiteY14" fmla="*/ 177421 h 5977720"/>
                <a:gd name="connsiteX15" fmla="*/ 1610436 w 2825087"/>
                <a:gd name="connsiteY15" fmla="*/ 109182 h 5977720"/>
                <a:gd name="connsiteX16" fmla="*/ 1733266 w 2825087"/>
                <a:gd name="connsiteY16" fmla="*/ 27296 h 5977720"/>
                <a:gd name="connsiteX17" fmla="*/ 1787857 w 2825087"/>
                <a:gd name="connsiteY17" fmla="*/ 0 h 5977720"/>
                <a:gd name="connsiteX18" fmla="*/ 2101755 w 2825087"/>
                <a:gd name="connsiteY18" fmla="*/ 204717 h 5977720"/>
                <a:gd name="connsiteX19" fmla="*/ 2129051 w 2825087"/>
                <a:gd name="connsiteY19" fmla="*/ 696036 h 5977720"/>
                <a:gd name="connsiteX20" fmla="*/ 2320119 w 2825087"/>
                <a:gd name="connsiteY20" fmla="*/ 791570 h 5977720"/>
                <a:gd name="connsiteX21" fmla="*/ 2333767 w 2825087"/>
                <a:gd name="connsiteY21" fmla="*/ 1119117 h 5977720"/>
                <a:gd name="connsiteX22" fmla="*/ 2142698 w 2825087"/>
                <a:gd name="connsiteY22" fmla="*/ 1487606 h 5977720"/>
                <a:gd name="connsiteX23" fmla="*/ 2115403 w 2825087"/>
                <a:gd name="connsiteY23" fmla="*/ 1637732 h 5977720"/>
                <a:gd name="connsiteX24" fmla="*/ 2442949 w 2825087"/>
                <a:gd name="connsiteY24" fmla="*/ 1774209 h 5977720"/>
                <a:gd name="connsiteX25" fmla="*/ 2620370 w 2825087"/>
                <a:gd name="connsiteY25" fmla="*/ 3016156 h 5977720"/>
                <a:gd name="connsiteX26" fmla="*/ 2825087 w 2825087"/>
                <a:gd name="connsiteY26" fmla="*/ 3425588 h 5977720"/>
                <a:gd name="connsiteX27" fmla="*/ 2715904 w 2825087"/>
                <a:gd name="connsiteY27" fmla="*/ 3575714 h 5977720"/>
                <a:gd name="connsiteX28" fmla="*/ 2674961 w 2825087"/>
                <a:gd name="connsiteY28" fmla="*/ 3575714 h 5977720"/>
                <a:gd name="connsiteX29" fmla="*/ 2361063 w 2825087"/>
                <a:gd name="connsiteY29" fmla="*/ 4067033 h 5977720"/>
                <a:gd name="connsiteX30" fmla="*/ 2333767 w 2825087"/>
                <a:gd name="connsiteY30" fmla="*/ 4230806 h 5977720"/>
                <a:gd name="connsiteX31" fmla="*/ 2374710 w 2825087"/>
                <a:gd name="connsiteY31" fmla="*/ 4339988 h 5977720"/>
                <a:gd name="connsiteX32" fmla="*/ 2292824 w 2825087"/>
                <a:gd name="connsiteY32" fmla="*/ 4626591 h 5977720"/>
                <a:gd name="connsiteX33" fmla="*/ 1610436 w 2825087"/>
                <a:gd name="connsiteY33" fmla="*/ 5472753 h 5977720"/>
                <a:gd name="connsiteX34" fmla="*/ 1514901 w 2825087"/>
                <a:gd name="connsiteY34" fmla="*/ 5513696 h 5977720"/>
                <a:gd name="connsiteX35" fmla="*/ 1446663 w 2825087"/>
                <a:gd name="connsiteY35" fmla="*/ 5663821 h 5977720"/>
                <a:gd name="connsiteX36" fmla="*/ 1351128 w 2825087"/>
                <a:gd name="connsiteY36" fmla="*/ 5663821 h 5977720"/>
                <a:gd name="connsiteX37" fmla="*/ 1310185 w 2825087"/>
                <a:gd name="connsiteY37" fmla="*/ 5718412 h 5977720"/>
                <a:gd name="connsiteX38" fmla="*/ 1241946 w 2825087"/>
                <a:gd name="connsiteY38" fmla="*/ 5691117 h 5977720"/>
                <a:gd name="connsiteX39" fmla="*/ 1201003 w 2825087"/>
                <a:gd name="connsiteY39" fmla="*/ 5732060 h 5977720"/>
                <a:gd name="connsiteX40" fmla="*/ 1146412 w 2825087"/>
                <a:gd name="connsiteY40" fmla="*/ 5732060 h 5977720"/>
                <a:gd name="connsiteX41" fmla="*/ 1146412 w 2825087"/>
                <a:gd name="connsiteY41" fmla="*/ 5800299 h 5977720"/>
                <a:gd name="connsiteX42" fmla="*/ 1091821 w 2825087"/>
                <a:gd name="connsiteY42" fmla="*/ 5786651 h 5977720"/>
                <a:gd name="connsiteX43" fmla="*/ 777922 w 2825087"/>
                <a:gd name="connsiteY43" fmla="*/ 5895833 h 5977720"/>
                <a:gd name="connsiteX44" fmla="*/ 750627 w 2825087"/>
                <a:gd name="connsiteY44" fmla="*/ 5977720 h 5977720"/>
                <a:gd name="connsiteX45" fmla="*/ 0 w 2825087"/>
                <a:gd name="connsiteY45" fmla="*/ 5977720 h 5977720"/>
                <a:gd name="connsiteX46" fmla="*/ 191069 w 2825087"/>
                <a:gd name="connsiteY46" fmla="*/ 5786651 h 5977720"/>
                <a:gd name="connsiteX47" fmla="*/ 395785 w 2825087"/>
                <a:gd name="connsiteY47" fmla="*/ 5500048 h 5977720"/>
                <a:gd name="connsiteX48" fmla="*/ 423081 w 2825087"/>
                <a:gd name="connsiteY48" fmla="*/ 5199797 h 5977720"/>
                <a:gd name="connsiteX49" fmla="*/ 395785 w 2825087"/>
                <a:gd name="connsiteY49" fmla="*/ 5117911 h 5977720"/>
                <a:gd name="connsiteX50" fmla="*/ 396195 w 2825087"/>
                <a:gd name="connsiteY50" fmla="*/ 4563057 h 5977720"/>
                <a:gd name="connsiteX51" fmla="*/ 539071 w 2825087"/>
                <a:gd name="connsiteY51" fmla="*/ 4420181 h 5977720"/>
                <a:gd name="connsiteX52" fmla="*/ 504967 w 2825087"/>
                <a:gd name="connsiteY52" fmla="*/ 4271750 h 5977720"/>
                <a:gd name="connsiteX53" fmla="*/ 396195 w 2825087"/>
                <a:gd name="connsiteY53" fmla="*/ 4062991 h 5977720"/>
                <a:gd name="connsiteX54" fmla="*/ 163773 w 2825087"/>
                <a:gd name="connsiteY54" fmla="*/ 3903260 h 5977720"/>
                <a:gd name="connsiteX55" fmla="*/ 191069 w 2825087"/>
                <a:gd name="connsiteY55" fmla="*/ 3562066 h 5977720"/>
                <a:gd name="connsiteX56" fmla="*/ 272955 w 2825087"/>
                <a:gd name="connsiteY56" fmla="*/ 3138985 h 5977720"/>
                <a:gd name="connsiteX57" fmla="*/ 300251 w 2825087"/>
                <a:gd name="connsiteY57" fmla="*/ 2647666 h 5977720"/>
                <a:gd name="connsiteX58" fmla="*/ 272955 w 2825087"/>
                <a:gd name="connsiteY58" fmla="*/ 2524836 h 5977720"/>
                <a:gd name="connsiteX59" fmla="*/ 327546 w 2825087"/>
                <a:gd name="connsiteY59" fmla="*/ 2388359 h 5977720"/>
                <a:gd name="connsiteX60" fmla="*/ 423081 w 2825087"/>
                <a:gd name="connsiteY60" fmla="*/ 2224585 h 5977720"/>
                <a:gd name="connsiteX61" fmla="*/ 409433 w 2825087"/>
                <a:gd name="connsiteY61" fmla="*/ 1992573 h 5977720"/>
                <a:gd name="connsiteX62" fmla="*/ 504967 w 2825087"/>
                <a:gd name="connsiteY62" fmla="*/ 1856096 h 5977720"/>
                <a:gd name="connsiteX63" fmla="*/ 491319 w 2825087"/>
                <a:gd name="connsiteY63" fmla="*/ 1692323 h 5977720"/>
                <a:gd name="connsiteX64" fmla="*/ 545910 w 2825087"/>
                <a:gd name="connsiteY64" fmla="*/ 1555845 h 5977720"/>
                <a:gd name="connsiteX65" fmla="*/ 504967 w 2825087"/>
                <a:gd name="connsiteY65" fmla="*/ 1392072 h 5977720"/>
                <a:gd name="connsiteX66" fmla="*/ 436728 w 2825087"/>
                <a:gd name="connsiteY66" fmla="*/ 1269242 h 5977720"/>
                <a:gd name="connsiteX67" fmla="*/ 436728 w 2825087"/>
                <a:gd name="connsiteY67" fmla="*/ 1023582 h 5977720"/>
                <a:gd name="connsiteX68" fmla="*/ 545910 w 2825087"/>
                <a:gd name="connsiteY68" fmla="*/ 832514 h 5977720"/>
                <a:gd name="connsiteX69" fmla="*/ 518615 w 2825087"/>
                <a:gd name="connsiteY69" fmla="*/ 696036 h 5977720"/>
                <a:gd name="connsiteX70" fmla="*/ 436728 w 2825087"/>
                <a:gd name="connsiteY70" fmla="*/ 559559 h 5977720"/>
                <a:gd name="connsiteX71" fmla="*/ 368489 w 2825087"/>
                <a:gd name="connsiteY71" fmla="*/ 477672 h 5977720"/>
                <a:gd name="connsiteX72" fmla="*/ 491319 w 2825087"/>
                <a:gd name="connsiteY72" fmla="*/ 436729 h 597772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 ang="0">
                  <a:pos x="connsiteX65" y="connsiteY65"/>
                </a:cxn>
                <a:cxn ang="0">
                  <a:pos x="connsiteX66" y="connsiteY66"/>
                </a:cxn>
                <a:cxn ang="0">
                  <a:pos x="connsiteX67" y="connsiteY67"/>
                </a:cxn>
                <a:cxn ang="0">
                  <a:pos x="connsiteX68" y="connsiteY68"/>
                </a:cxn>
                <a:cxn ang="0">
                  <a:pos x="connsiteX69" y="connsiteY69"/>
                </a:cxn>
                <a:cxn ang="0">
                  <a:pos x="connsiteX70" y="connsiteY70"/>
                </a:cxn>
                <a:cxn ang="0">
                  <a:pos x="connsiteX71" y="connsiteY71"/>
                </a:cxn>
                <a:cxn ang="0">
                  <a:pos x="connsiteX72" y="connsiteY72"/>
                </a:cxn>
              </a:cxnLst>
              <a:rect l="l" t="t" r="r" b="b"/>
              <a:pathLst>
                <a:path w="2825087" h="5977720">
                  <a:moveTo>
                    <a:pt x="491319" y="436729"/>
                  </a:moveTo>
                  <a:lnTo>
                    <a:pt x="682388" y="245660"/>
                  </a:lnTo>
                  <a:lnTo>
                    <a:pt x="750627" y="218365"/>
                  </a:lnTo>
                  <a:lnTo>
                    <a:pt x="846161" y="232012"/>
                  </a:lnTo>
                  <a:lnTo>
                    <a:pt x="968991" y="300251"/>
                  </a:lnTo>
                  <a:lnTo>
                    <a:pt x="1119116" y="395785"/>
                  </a:lnTo>
                  <a:lnTo>
                    <a:pt x="1187355" y="368490"/>
                  </a:lnTo>
                  <a:lnTo>
                    <a:pt x="1187355" y="300251"/>
                  </a:lnTo>
                  <a:lnTo>
                    <a:pt x="1241946" y="232012"/>
                  </a:lnTo>
                  <a:lnTo>
                    <a:pt x="1310185" y="218365"/>
                  </a:lnTo>
                  <a:lnTo>
                    <a:pt x="1296537" y="136478"/>
                  </a:lnTo>
                  <a:lnTo>
                    <a:pt x="1337481" y="95535"/>
                  </a:lnTo>
                  <a:lnTo>
                    <a:pt x="1392072" y="163773"/>
                  </a:lnTo>
                  <a:lnTo>
                    <a:pt x="1514901" y="136478"/>
                  </a:lnTo>
                  <a:lnTo>
                    <a:pt x="1583140" y="177421"/>
                  </a:lnTo>
                  <a:lnTo>
                    <a:pt x="1610436" y="109182"/>
                  </a:lnTo>
                  <a:lnTo>
                    <a:pt x="1733266" y="27296"/>
                  </a:lnTo>
                  <a:lnTo>
                    <a:pt x="1787857" y="0"/>
                  </a:lnTo>
                  <a:lnTo>
                    <a:pt x="2101755" y="204717"/>
                  </a:lnTo>
                  <a:lnTo>
                    <a:pt x="2129051" y="696036"/>
                  </a:lnTo>
                  <a:lnTo>
                    <a:pt x="2320119" y="791570"/>
                  </a:lnTo>
                  <a:lnTo>
                    <a:pt x="2333767" y="1119117"/>
                  </a:lnTo>
                  <a:lnTo>
                    <a:pt x="2142698" y="1487606"/>
                  </a:lnTo>
                  <a:lnTo>
                    <a:pt x="2115403" y="1637732"/>
                  </a:lnTo>
                  <a:lnTo>
                    <a:pt x="2442949" y="1774209"/>
                  </a:lnTo>
                  <a:lnTo>
                    <a:pt x="2620370" y="3016156"/>
                  </a:lnTo>
                  <a:lnTo>
                    <a:pt x="2825087" y="3425588"/>
                  </a:lnTo>
                  <a:lnTo>
                    <a:pt x="2715904" y="3575714"/>
                  </a:lnTo>
                  <a:lnTo>
                    <a:pt x="2674961" y="3575714"/>
                  </a:lnTo>
                  <a:lnTo>
                    <a:pt x="2361063" y="4067033"/>
                  </a:lnTo>
                  <a:lnTo>
                    <a:pt x="2333767" y="4230806"/>
                  </a:lnTo>
                  <a:lnTo>
                    <a:pt x="2374710" y="4339988"/>
                  </a:lnTo>
                  <a:lnTo>
                    <a:pt x="2292824" y="4626591"/>
                  </a:lnTo>
                  <a:lnTo>
                    <a:pt x="1610436" y="5472753"/>
                  </a:lnTo>
                  <a:lnTo>
                    <a:pt x="1514901" y="5513696"/>
                  </a:lnTo>
                  <a:lnTo>
                    <a:pt x="1446663" y="5663821"/>
                  </a:lnTo>
                  <a:lnTo>
                    <a:pt x="1351128" y="5663821"/>
                  </a:lnTo>
                  <a:lnTo>
                    <a:pt x="1310185" y="5718412"/>
                  </a:lnTo>
                  <a:lnTo>
                    <a:pt x="1241946" y="5691117"/>
                  </a:lnTo>
                  <a:lnTo>
                    <a:pt x="1201003" y="5732060"/>
                  </a:lnTo>
                  <a:lnTo>
                    <a:pt x="1146412" y="5732060"/>
                  </a:lnTo>
                  <a:lnTo>
                    <a:pt x="1146412" y="5800299"/>
                  </a:lnTo>
                  <a:lnTo>
                    <a:pt x="1091821" y="5786651"/>
                  </a:lnTo>
                  <a:lnTo>
                    <a:pt x="777922" y="5895833"/>
                  </a:lnTo>
                  <a:lnTo>
                    <a:pt x="750627" y="5977720"/>
                  </a:lnTo>
                  <a:lnTo>
                    <a:pt x="0" y="5977720"/>
                  </a:lnTo>
                  <a:lnTo>
                    <a:pt x="191069" y="5786651"/>
                  </a:lnTo>
                  <a:lnTo>
                    <a:pt x="395785" y="5500048"/>
                  </a:lnTo>
                  <a:lnTo>
                    <a:pt x="423081" y="5199797"/>
                  </a:lnTo>
                  <a:lnTo>
                    <a:pt x="395785" y="5117911"/>
                  </a:lnTo>
                  <a:cubicBezTo>
                    <a:pt x="395922" y="4932960"/>
                    <a:pt x="396058" y="4748008"/>
                    <a:pt x="396195" y="4563057"/>
                  </a:cubicBezTo>
                  <a:lnTo>
                    <a:pt x="539071" y="4420181"/>
                  </a:lnTo>
                  <a:lnTo>
                    <a:pt x="504967" y="4271750"/>
                  </a:lnTo>
                  <a:lnTo>
                    <a:pt x="396195" y="4062991"/>
                  </a:lnTo>
                  <a:lnTo>
                    <a:pt x="163773" y="3903260"/>
                  </a:lnTo>
                  <a:lnTo>
                    <a:pt x="191069" y="3562066"/>
                  </a:lnTo>
                  <a:lnTo>
                    <a:pt x="272955" y="3138985"/>
                  </a:lnTo>
                  <a:lnTo>
                    <a:pt x="300251" y="2647666"/>
                  </a:lnTo>
                  <a:lnTo>
                    <a:pt x="272955" y="2524836"/>
                  </a:lnTo>
                  <a:lnTo>
                    <a:pt x="327546" y="2388359"/>
                  </a:lnTo>
                  <a:lnTo>
                    <a:pt x="423081" y="2224585"/>
                  </a:lnTo>
                  <a:lnTo>
                    <a:pt x="409433" y="1992573"/>
                  </a:lnTo>
                  <a:lnTo>
                    <a:pt x="504967" y="1856096"/>
                  </a:lnTo>
                  <a:lnTo>
                    <a:pt x="491319" y="1692323"/>
                  </a:lnTo>
                  <a:lnTo>
                    <a:pt x="545910" y="1555845"/>
                  </a:lnTo>
                  <a:lnTo>
                    <a:pt x="504967" y="1392072"/>
                  </a:lnTo>
                  <a:lnTo>
                    <a:pt x="436728" y="1269242"/>
                  </a:lnTo>
                  <a:lnTo>
                    <a:pt x="436728" y="1023582"/>
                  </a:lnTo>
                  <a:lnTo>
                    <a:pt x="545910" y="832514"/>
                  </a:lnTo>
                  <a:lnTo>
                    <a:pt x="518615" y="696036"/>
                  </a:lnTo>
                  <a:lnTo>
                    <a:pt x="436728" y="559559"/>
                  </a:lnTo>
                  <a:lnTo>
                    <a:pt x="368489" y="477672"/>
                  </a:lnTo>
                  <a:lnTo>
                    <a:pt x="491319" y="436729"/>
                  </a:lnTo>
                  <a:close/>
                </a:path>
              </a:pathLst>
            </a:custGeom>
            <a:solidFill>
              <a:srgbClr val="FF7C80">
                <a:alpha val="55686"/>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0" name="צורה חופשית 19"/>
            <p:cNvSpPr/>
            <p:nvPr/>
          </p:nvSpPr>
          <p:spPr>
            <a:xfrm>
              <a:off x="7310620" y="2295517"/>
              <a:ext cx="1041211" cy="637585"/>
            </a:xfrm>
            <a:custGeom>
              <a:avLst/>
              <a:gdLst>
                <a:gd name="connsiteX0" fmla="*/ 40944 w 1255594"/>
                <a:gd name="connsiteY0" fmla="*/ 764275 h 982639"/>
                <a:gd name="connsiteX1" fmla="*/ 477672 w 1255594"/>
                <a:gd name="connsiteY1" fmla="*/ 341194 h 982639"/>
                <a:gd name="connsiteX2" fmla="*/ 627797 w 1255594"/>
                <a:gd name="connsiteY2" fmla="*/ 40943 h 982639"/>
                <a:gd name="connsiteX3" fmla="*/ 914400 w 1255594"/>
                <a:gd name="connsiteY3" fmla="*/ 0 h 982639"/>
                <a:gd name="connsiteX4" fmla="*/ 1255594 w 1255594"/>
                <a:gd name="connsiteY4" fmla="*/ 136478 h 982639"/>
                <a:gd name="connsiteX5" fmla="*/ 1009935 w 1255594"/>
                <a:gd name="connsiteY5" fmla="*/ 559558 h 982639"/>
                <a:gd name="connsiteX6" fmla="*/ 1037230 w 1255594"/>
                <a:gd name="connsiteY6" fmla="*/ 627797 h 982639"/>
                <a:gd name="connsiteX7" fmla="*/ 900753 w 1255594"/>
                <a:gd name="connsiteY7" fmla="*/ 709684 h 982639"/>
                <a:gd name="connsiteX8" fmla="*/ 859809 w 1255594"/>
                <a:gd name="connsiteY8" fmla="*/ 791570 h 982639"/>
                <a:gd name="connsiteX9" fmla="*/ 818866 w 1255594"/>
                <a:gd name="connsiteY9" fmla="*/ 791570 h 982639"/>
                <a:gd name="connsiteX10" fmla="*/ 777923 w 1255594"/>
                <a:gd name="connsiteY10" fmla="*/ 682388 h 982639"/>
                <a:gd name="connsiteX11" fmla="*/ 736979 w 1255594"/>
                <a:gd name="connsiteY11" fmla="*/ 696036 h 982639"/>
                <a:gd name="connsiteX12" fmla="*/ 696036 w 1255594"/>
                <a:gd name="connsiteY12" fmla="*/ 777922 h 982639"/>
                <a:gd name="connsiteX13" fmla="*/ 614150 w 1255594"/>
                <a:gd name="connsiteY13" fmla="*/ 696036 h 982639"/>
                <a:gd name="connsiteX14" fmla="*/ 573206 w 1255594"/>
                <a:gd name="connsiteY14" fmla="*/ 736979 h 982639"/>
                <a:gd name="connsiteX15" fmla="*/ 586854 w 1255594"/>
                <a:gd name="connsiteY15" fmla="*/ 832514 h 982639"/>
                <a:gd name="connsiteX16" fmla="*/ 545911 w 1255594"/>
                <a:gd name="connsiteY16" fmla="*/ 846161 h 982639"/>
                <a:gd name="connsiteX17" fmla="*/ 491320 w 1255594"/>
                <a:gd name="connsiteY17" fmla="*/ 818866 h 982639"/>
                <a:gd name="connsiteX18" fmla="*/ 477672 w 1255594"/>
                <a:gd name="connsiteY18" fmla="*/ 887105 h 982639"/>
                <a:gd name="connsiteX19" fmla="*/ 409433 w 1255594"/>
                <a:gd name="connsiteY19" fmla="*/ 887105 h 982639"/>
                <a:gd name="connsiteX20" fmla="*/ 436729 w 1255594"/>
                <a:gd name="connsiteY20" fmla="*/ 982639 h 982639"/>
                <a:gd name="connsiteX21" fmla="*/ 354842 w 1255594"/>
                <a:gd name="connsiteY21" fmla="*/ 968991 h 982639"/>
                <a:gd name="connsiteX22" fmla="*/ 259308 w 1255594"/>
                <a:gd name="connsiteY22" fmla="*/ 887105 h 982639"/>
                <a:gd name="connsiteX23" fmla="*/ 163773 w 1255594"/>
                <a:gd name="connsiteY23" fmla="*/ 832514 h 982639"/>
                <a:gd name="connsiteX24" fmla="*/ 95535 w 1255594"/>
                <a:gd name="connsiteY24" fmla="*/ 818866 h 982639"/>
                <a:gd name="connsiteX25" fmla="*/ 0 w 1255594"/>
                <a:gd name="connsiteY25" fmla="*/ 818866 h 982639"/>
                <a:gd name="connsiteX26" fmla="*/ 40944 w 1255594"/>
                <a:gd name="connsiteY26" fmla="*/ 764275 h 9826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Lst>
              <a:rect l="l" t="t" r="r" b="b"/>
              <a:pathLst>
                <a:path w="1255594" h="982639">
                  <a:moveTo>
                    <a:pt x="40944" y="764275"/>
                  </a:moveTo>
                  <a:lnTo>
                    <a:pt x="477672" y="341194"/>
                  </a:lnTo>
                  <a:lnTo>
                    <a:pt x="627797" y="40943"/>
                  </a:lnTo>
                  <a:lnTo>
                    <a:pt x="914400" y="0"/>
                  </a:lnTo>
                  <a:lnTo>
                    <a:pt x="1255594" y="136478"/>
                  </a:lnTo>
                  <a:lnTo>
                    <a:pt x="1009935" y="559558"/>
                  </a:lnTo>
                  <a:lnTo>
                    <a:pt x="1037230" y="627797"/>
                  </a:lnTo>
                  <a:lnTo>
                    <a:pt x="900753" y="709684"/>
                  </a:lnTo>
                  <a:lnTo>
                    <a:pt x="859809" y="791570"/>
                  </a:lnTo>
                  <a:lnTo>
                    <a:pt x="818866" y="791570"/>
                  </a:lnTo>
                  <a:lnTo>
                    <a:pt x="777923" y="682388"/>
                  </a:lnTo>
                  <a:lnTo>
                    <a:pt x="736979" y="696036"/>
                  </a:lnTo>
                  <a:lnTo>
                    <a:pt x="696036" y="777922"/>
                  </a:lnTo>
                  <a:lnTo>
                    <a:pt x="614150" y="696036"/>
                  </a:lnTo>
                  <a:lnTo>
                    <a:pt x="573206" y="736979"/>
                  </a:lnTo>
                  <a:lnTo>
                    <a:pt x="586854" y="832514"/>
                  </a:lnTo>
                  <a:lnTo>
                    <a:pt x="545911" y="846161"/>
                  </a:lnTo>
                  <a:lnTo>
                    <a:pt x="491320" y="818866"/>
                  </a:lnTo>
                  <a:lnTo>
                    <a:pt x="477672" y="887105"/>
                  </a:lnTo>
                  <a:lnTo>
                    <a:pt x="409433" y="887105"/>
                  </a:lnTo>
                  <a:lnTo>
                    <a:pt x="436729" y="982639"/>
                  </a:lnTo>
                  <a:lnTo>
                    <a:pt x="354842" y="968991"/>
                  </a:lnTo>
                  <a:lnTo>
                    <a:pt x="259308" y="887105"/>
                  </a:lnTo>
                  <a:lnTo>
                    <a:pt x="163773" y="832514"/>
                  </a:lnTo>
                  <a:lnTo>
                    <a:pt x="95535" y="818866"/>
                  </a:lnTo>
                  <a:lnTo>
                    <a:pt x="0" y="818866"/>
                  </a:lnTo>
                  <a:lnTo>
                    <a:pt x="40944" y="764275"/>
                  </a:lnTo>
                  <a:close/>
                </a:path>
              </a:pathLst>
            </a:custGeom>
            <a:solidFill>
              <a:srgbClr val="FCA690">
                <a:alpha val="7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2" name="TextBox 21"/>
            <p:cNvSpPr txBox="1"/>
            <p:nvPr/>
          </p:nvSpPr>
          <p:spPr>
            <a:xfrm>
              <a:off x="7049875" y="3521656"/>
              <a:ext cx="1732487" cy="646331"/>
            </a:xfrm>
            <a:prstGeom prst="rect">
              <a:avLst/>
            </a:prstGeom>
            <a:noFill/>
          </p:spPr>
          <p:txBody>
            <a:bodyPr wrap="square" rtlCol="1" anchor="ctr">
              <a:spAutoFit/>
            </a:bodyPr>
            <a:lstStyle/>
            <a:p>
              <a:pPr algn="ctr"/>
              <a:r>
                <a:rPr lang="en-US" b="1" dirty="0"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474</a:t>
              </a:r>
            </a:p>
            <a:p>
              <a:pPr algn="ctr"/>
              <a:r>
                <a:rPr lang="en-US" b="1" dirty="0"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 Brigade</a:t>
              </a:r>
              <a:endParaRPr lang="he-IL" b="1" dirty="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grpSp>
        <p:nvGrpSpPr>
          <p:cNvPr id="12" name="קבוצה 11"/>
          <p:cNvGrpSpPr/>
          <p:nvPr/>
        </p:nvGrpSpPr>
        <p:grpSpPr>
          <a:xfrm>
            <a:off x="9493" y="3748066"/>
            <a:ext cx="4619625" cy="2837770"/>
            <a:chOff x="9493" y="3748066"/>
            <a:chExt cx="4619625" cy="2837770"/>
          </a:xfrm>
        </p:grpSpPr>
        <p:pic>
          <p:nvPicPr>
            <p:cNvPr id="28" name="Picture 2"/>
            <p:cNvPicPr>
              <a:picLocks noChangeAspect="1" noChangeArrowheads="1"/>
            </p:cNvPicPr>
            <p:nvPr/>
          </p:nvPicPr>
          <p:blipFill>
            <a:blip r:embed="rId4" cstate="email"/>
            <a:srcRect/>
            <a:stretch>
              <a:fillRect/>
            </a:stretch>
          </p:blipFill>
          <p:spPr bwMode="auto">
            <a:xfrm>
              <a:off x="9493" y="3772874"/>
              <a:ext cx="4619625" cy="2812962"/>
            </a:xfrm>
            <a:prstGeom prst="rect">
              <a:avLst/>
            </a:prstGeom>
            <a:noFill/>
            <a:ln w="19050">
              <a:solidFill>
                <a:schemeClr val="tx1"/>
              </a:solidFill>
              <a:miter lim="800000"/>
              <a:headEnd/>
              <a:tailEnd/>
            </a:ln>
            <a:effectLst/>
          </p:spPr>
        </p:pic>
        <p:sp>
          <p:nvSpPr>
            <p:cNvPr id="29" name="צורה חופשית 28"/>
            <p:cNvSpPr/>
            <p:nvPr/>
          </p:nvSpPr>
          <p:spPr>
            <a:xfrm>
              <a:off x="146491" y="5288072"/>
              <a:ext cx="3328471" cy="1235214"/>
            </a:xfrm>
            <a:custGeom>
              <a:avLst/>
              <a:gdLst>
                <a:gd name="connsiteX0" fmla="*/ 272956 w 5404514"/>
                <a:gd name="connsiteY0" fmla="*/ 163774 h 2101756"/>
                <a:gd name="connsiteX1" fmla="*/ 313899 w 5404514"/>
                <a:gd name="connsiteY1" fmla="*/ 327547 h 2101756"/>
                <a:gd name="connsiteX2" fmla="*/ 204717 w 5404514"/>
                <a:gd name="connsiteY2" fmla="*/ 818866 h 2101756"/>
                <a:gd name="connsiteX3" fmla="*/ 0 w 5404514"/>
                <a:gd name="connsiteY3" fmla="*/ 1596788 h 2101756"/>
                <a:gd name="connsiteX4" fmla="*/ 723332 w 5404514"/>
                <a:gd name="connsiteY4" fmla="*/ 1705971 h 2101756"/>
                <a:gd name="connsiteX5" fmla="*/ 1897039 w 5404514"/>
                <a:gd name="connsiteY5" fmla="*/ 1828800 h 2101756"/>
                <a:gd name="connsiteX6" fmla="*/ 2238233 w 5404514"/>
                <a:gd name="connsiteY6" fmla="*/ 2033517 h 2101756"/>
                <a:gd name="connsiteX7" fmla="*/ 2784144 w 5404514"/>
                <a:gd name="connsiteY7" fmla="*/ 1828800 h 2101756"/>
                <a:gd name="connsiteX8" fmla="*/ 3466532 w 5404514"/>
                <a:gd name="connsiteY8" fmla="*/ 1937982 h 2101756"/>
                <a:gd name="connsiteX9" fmla="*/ 3671248 w 5404514"/>
                <a:gd name="connsiteY9" fmla="*/ 2101756 h 2101756"/>
                <a:gd name="connsiteX10" fmla="*/ 3862317 w 5404514"/>
                <a:gd name="connsiteY10" fmla="*/ 2019869 h 2101756"/>
                <a:gd name="connsiteX11" fmla="*/ 3944203 w 5404514"/>
                <a:gd name="connsiteY11" fmla="*/ 2006221 h 2101756"/>
                <a:gd name="connsiteX12" fmla="*/ 3971499 w 5404514"/>
                <a:gd name="connsiteY12" fmla="*/ 1965278 h 2101756"/>
                <a:gd name="connsiteX13" fmla="*/ 4080681 w 5404514"/>
                <a:gd name="connsiteY13" fmla="*/ 1910687 h 2101756"/>
                <a:gd name="connsiteX14" fmla="*/ 4544705 w 5404514"/>
                <a:gd name="connsiteY14" fmla="*/ 1897039 h 2101756"/>
                <a:gd name="connsiteX15" fmla="*/ 4653887 w 5404514"/>
                <a:gd name="connsiteY15" fmla="*/ 1897039 h 2101756"/>
                <a:gd name="connsiteX16" fmla="*/ 4899547 w 5404514"/>
                <a:gd name="connsiteY16" fmla="*/ 2019869 h 2101756"/>
                <a:gd name="connsiteX17" fmla="*/ 4995081 w 5404514"/>
                <a:gd name="connsiteY17" fmla="*/ 1869744 h 2101756"/>
                <a:gd name="connsiteX18" fmla="*/ 5036024 w 5404514"/>
                <a:gd name="connsiteY18" fmla="*/ 1869744 h 2101756"/>
                <a:gd name="connsiteX19" fmla="*/ 5090615 w 5404514"/>
                <a:gd name="connsiteY19" fmla="*/ 1678675 h 2101756"/>
                <a:gd name="connsiteX20" fmla="*/ 5254388 w 5404514"/>
                <a:gd name="connsiteY20" fmla="*/ 1419368 h 2101756"/>
                <a:gd name="connsiteX21" fmla="*/ 5281684 w 5404514"/>
                <a:gd name="connsiteY21" fmla="*/ 1323833 h 2101756"/>
                <a:gd name="connsiteX22" fmla="*/ 5281684 w 5404514"/>
                <a:gd name="connsiteY22" fmla="*/ 1255594 h 2101756"/>
                <a:gd name="connsiteX23" fmla="*/ 5240741 w 5404514"/>
                <a:gd name="connsiteY23" fmla="*/ 1160060 h 2101756"/>
                <a:gd name="connsiteX24" fmla="*/ 5322627 w 5404514"/>
                <a:gd name="connsiteY24" fmla="*/ 1064526 h 2101756"/>
                <a:gd name="connsiteX25" fmla="*/ 5336275 w 5404514"/>
                <a:gd name="connsiteY25" fmla="*/ 996287 h 2101756"/>
                <a:gd name="connsiteX26" fmla="*/ 5363571 w 5404514"/>
                <a:gd name="connsiteY26" fmla="*/ 859809 h 2101756"/>
                <a:gd name="connsiteX27" fmla="*/ 5336275 w 5404514"/>
                <a:gd name="connsiteY27" fmla="*/ 750627 h 2101756"/>
                <a:gd name="connsiteX28" fmla="*/ 5377218 w 5404514"/>
                <a:gd name="connsiteY28" fmla="*/ 573206 h 2101756"/>
                <a:gd name="connsiteX29" fmla="*/ 5404514 w 5404514"/>
                <a:gd name="connsiteY29" fmla="*/ 395785 h 2101756"/>
                <a:gd name="connsiteX30" fmla="*/ 5090615 w 5404514"/>
                <a:gd name="connsiteY30" fmla="*/ 272956 h 2101756"/>
                <a:gd name="connsiteX31" fmla="*/ 4817660 w 5404514"/>
                <a:gd name="connsiteY31" fmla="*/ 122830 h 2101756"/>
                <a:gd name="connsiteX32" fmla="*/ 4599296 w 5404514"/>
                <a:gd name="connsiteY32" fmla="*/ 109182 h 2101756"/>
                <a:gd name="connsiteX33" fmla="*/ 4544705 w 5404514"/>
                <a:gd name="connsiteY33" fmla="*/ 191069 h 2101756"/>
                <a:gd name="connsiteX34" fmla="*/ 4080681 w 5404514"/>
                <a:gd name="connsiteY34" fmla="*/ 136478 h 2101756"/>
                <a:gd name="connsiteX35" fmla="*/ 3998794 w 5404514"/>
                <a:gd name="connsiteY35" fmla="*/ 191069 h 2101756"/>
                <a:gd name="connsiteX36" fmla="*/ 3835021 w 5404514"/>
                <a:gd name="connsiteY36" fmla="*/ 464024 h 2101756"/>
                <a:gd name="connsiteX37" fmla="*/ 3384645 w 5404514"/>
                <a:gd name="connsiteY37" fmla="*/ 545911 h 2101756"/>
                <a:gd name="connsiteX38" fmla="*/ 3248168 w 5404514"/>
                <a:gd name="connsiteY38" fmla="*/ 586854 h 2101756"/>
                <a:gd name="connsiteX39" fmla="*/ 3166281 w 5404514"/>
                <a:gd name="connsiteY39" fmla="*/ 627797 h 2101756"/>
                <a:gd name="connsiteX40" fmla="*/ 2975212 w 5404514"/>
                <a:gd name="connsiteY40" fmla="*/ 627797 h 2101756"/>
                <a:gd name="connsiteX41" fmla="*/ 2715905 w 5404514"/>
                <a:gd name="connsiteY41" fmla="*/ 368490 h 2101756"/>
                <a:gd name="connsiteX42" fmla="*/ 2647666 w 5404514"/>
                <a:gd name="connsiteY42" fmla="*/ 272956 h 2101756"/>
                <a:gd name="connsiteX43" fmla="*/ 2647666 w 5404514"/>
                <a:gd name="connsiteY43" fmla="*/ 136478 h 2101756"/>
                <a:gd name="connsiteX44" fmla="*/ 2579427 w 5404514"/>
                <a:gd name="connsiteY44" fmla="*/ 54591 h 2101756"/>
                <a:gd name="connsiteX45" fmla="*/ 2442950 w 5404514"/>
                <a:gd name="connsiteY45" fmla="*/ 81887 h 2101756"/>
                <a:gd name="connsiteX46" fmla="*/ 2374711 w 5404514"/>
                <a:gd name="connsiteY46" fmla="*/ 0 h 2101756"/>
                <a:gd name="connsiteX47" fmla="*/ 2265529 w 5404514"/>
                <a:gd name="connsiteY47" fmla="*/ 0 h 2101756"/>
                <a:gd name="connsiteX48" fmla="*/ 2183642 w 5404514"/>
                <a:gd name="connsiteY48" fmla="*/ 68239 h 2101756"/>
                <a:gd name="connsiteX49" fmla="*/ 2019869 w 5404514"/>
                <a:gd name="connsiteY49" fmla="*/ 68239 h 2101756"/>
                <a:gd name="connsiteX50" fmla="*/ 1883391 w 5404514"/>
                <a:gd name="connsiteY50" fmla="*/ 150126 h 2101756"/>
                <a:gd name="connsiteX51" fmla="*/ 1651379 w 5404514"/>
                <a:gd name="connsiteY51" fmla="*/ 150126 h 2101756"/>
                <a:gd name="connsiteX52" fmla="*/ 1583141 w 5404514"/>
                <a:gd name="connsiteY52" fmla="*/ 95535 h 2101756"/>
                <a:gd name="connsiteX53" fmla="*/ 1487606 w 5404514"/>
                <a:gd name="connsiteY53" fmla="*/ 81887 h 2101756"/>
                <a:gd name="connsiteX54" fmla="*/ 1378424 w 5404514"/>
                <a:gd name="connsiteY54" fmla="*/ 136478 h 2101756"/>
                <a:gd name="connsiteX55" fmla="*/ 1364776 w 5404514"/>
                <a:gd name="connsiteY55" fmla="*/ 232012 h 2101756"/>
                <a:gd name="connsiteX56" fmla="*/ 1255594 w 5404514"/>
                <a:gd name="connsiteY56" fmla="*/ 245660 h 2101756"/>
                <a:gd name="connsiteX57" fmla="*/ 1187356 w 5404514"/>
                <a:gd name="connsiteY57" fmla="*/ 204717 h 2101756"/>
                <a:gd name="connsiteX58" fmla="*/ 1078173 w 5404514"/>
                <a:gd name="connsiteY58" fmla="*/ 177421 h 2101756"/>
                <a:gd name="connsiteX59" fmla="*/ 996287 w 5404514"/>
                <a:gd name="connsiteY59" fmla="*/ 163774 h 2101756"/>
                <a:gd name="connsiteX60" fmla="*/ 859809 w 5404514"/>
                <a:gd name="connsiteY60" fmla="*/ 204717 h 2101756"/>
                <a:gd name="connsiteX61" fmla="*/ 777923 w 5404514"/>
                <a:gd name="connsiteY61" fmla="*/ 163774 h 2101756"/>
                <a:gd name="connsiteX62" fmla="*/ 272956 w 5404514"/>
                <a:gd name="connsiteY62" fmla="*/ 163774 h 210175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Lst>
              <a:rect l="l" t="t" r="r" b="b"/>
              <a:pathLst>
                <a:path w="5404514" h="2101756">
                  <a:moveTo>
                    <a:pt x="272956" y="163774"/>
                  </a:moveTo>
                  <a:lnTo>
                    <a:pt x="313899" y="327547"/>
                  </a:lnTo>
                  <a:lnTo>
                    <a:pt x="204717" y="818866"/>
                  </a:lnTo>
                  <a:lnTo>
                    <a:pt x="0" y="1596788"/>
                  </a:lnTo>
                  <a:lnTo>
                    <a:pt x="723332" y="1705971"/>
                  </a:lnTo>
                  <a:lnTo>
                    <a:pt x="1897039" y="1828800"/>
                  </a:lnTo>
                  <a:lnTo>
                    <a:pt x="2238233" y="2033517"/>
                  </a:lnTo>
                  <a:lnTo>
                    <a:pt x="2784144" y="1828800"/>
                  </a:lnTo>
                  <a:lnTo>
                    <a:pt x="3466532" y="1937982"/>
                  </a:lnTo>
                  <a:lnTo>
                    <a:pt x="3671248" y="2101756"/>
                  </a:lnTo>
                  <a:lnTo>
                    <a:pt x="3862317" y="2019869"/>
                  </a:lnTo>
                  <a:lnTo>
                    <a:pt x="3944203" y="2006221"/>
                  </a:lnTo>
                  <a:lnTo>
                    <a:pt x="3971499" y="1965278"/>
                  </a:lnTo>
                  <a:lnTo>
                    <a:pt x="4080681" y="1910687"/>
                  </a:lnTo>
                  <a:lnTo>
                    <a:pt x="4544705" y="1897039"/>
                  </a:lnTo>
                  <a:lnTo>
                    <a:pt x="4653887" y="1897039"/>
                  </a:lnTo>
                  <a:lnTo>
                    <a:pt x="4899547" y="2019869"/>
                  </a:lnTo>
                  <a:lnTo>
                    <a:pt x="4995081" y="1869744"/>
                  </a:lnTo>
                  <a:lnTo>
                    <a:pt x="5036024" y="1869744"/>
                  </a:lnTo>
                  <a:lnTo>
                    <a:pt x="5090615" y="1678675"/>
                  </a:lnTo>
                  <a:lnTo>
                    <a:pt x="5254388" y="1419368"/>
                  </a:lnTo>
                  <a:lnTo>
                    <a:pt x="5281684" y="1323833"/>
                  </a:lnTo>
                  <a:lnTo>
                    <a:pt x="5281684" y="1255594"/>
                  </a:lnTo>
                  <a:lnTo>
                    <a:pt x="5240741" y="1160060"/>
                  </a:lnTo>
                  <a:lnTo>
                    <a:pt x="5322627" y="1064526"/>
                  </a:lnTo>
                  <a:lnTo>
                    <a:pt x="5336275" y="996287"/>
                  </a:lnTo>
                  <a:lnTo>
                    <a:pt x="5363571" y="859809"/>
                  </a:lnTo>
                  <a:lnTo>
                    <a:pt x="5336275" y="750627"/>
                  </a:lnTo>
                  <a:lnTo>
                    <a:pt x="5377218" y="573206"/>
                  </a:lnTo>
                  <a:lnTo>
                    <a:pt x="5404514" y="395785"/>
                  </a:lnTo>
                  <a:lnTo>
                    <a:pt x="5090615" y="272956"/>
                  </a:lnTo>
                  <a:lnTo>
                    <a:pt x="4817660" y="122830"/>
                  </a:lnTo>
                  <a:lnTo>
                    <a:pt x="4599296" y="109182"/>
                  </a:lnTo>
                  <a:lnTo>
                    <a:pt x="4544705" y="191069"/>
                  </a:lnTo>
                  <a:lnTo>
                    <a:pt x="4080681" y="136478"/>
                  </a:lnTo>
                  <a:lnTo>
                    <a:pt x="3998794" y="191069"/>
                  </a:lnTo>
                  <a:lnTo>
                    <a:pt x="3835021" y="464024"/>
                  </a:lnTo>
                  <a:lnTo>
                    <a:pt x="3384645" y="545911"/>
                  </a:lnTo>
                  <a:lnTo>
                    <a:pt x="3248168" y="586854"/>
                  </a:lnTo>
                  <a:lnTo>
                    <a:pt x="3166281" y="627797"/>
                  </a:lnTo>
                  <a:lnTo>
                    <a:pt x="2975212" y="627797"/>
                  </a:lnTo>
                  <a:lnTo>
                    <a:pt x="2715905" y="368490"/>
                  </a:lnTo>
                  <a:lnTo>
                    <a:pt x="2647666" y="272956"/>
                  </a:lnTo>
                  <a:lnTo>
                    <a:pt x="2647666" y="136478"/>
                  </a:lnTo>
                  <a:lnTo>
                    <a:pt x="2579427" y="54591"/>
                  </a:lnTo>
                  <a:lnTo>
                    <a:pt x="2442950" y="81887"/>
                  </a:lnTo>
                  <a:lnTo>
                    <a:pt x="2374711" y="0"/>
                  </a:lnTo>
                  <a:lnTo>
                    <a:pt x="2265529" y="0"/>
                  </a:lnTo>
                  <a:lnTo>
                    <a:pt x="2183642" y="68239"/>
                  </a:lnTo>
                  <a:lnTo>
                    <a:pt x="2019869" y="68239"/>
                  </a:lnTo>
                  <a:lnTo>
                    <a:pt x="1883391" y="150126"/>
                  </a:lnTo>
                  <a:lnTo>
                    <a:pt x="1651379" y="150126"/>
                  </a:lnTo>
                  <a:lnTo>
                    <a:pt x="1583141" y="95535"/>
                  </a:lnTo>
                  <a:lnTo>
                    <a:pt x="1487606" y="81887"/>
                  </a:lnTo>
                  <a:lnTo>
                    <a:pt x="1378424" y="136478"/>
                  </a:lnTo>
                  <a:lnTo>
                    <a:pt x="1364776" y="232012"/>
                  </a:lnTo>
                  <a:lnTo>
                    <a:pt x="1255594" y="245660"/>
                  </a:lnTo>
                  <a:lnTo>
                    <a:pt x="1187356" y="204717"/>
                  </a:lnTo>
                  <a:lnTo>
                    <a:pt x="1078173" y="177421"/>
                  </a:lnTo>
                  <a:lnTo>
                    <a:pt x="996287" y="163774"/>
                  </a:lnTo>
                  <a:lnTo>
                    <a:pt x="859809" y="204717"/>
                  </a:lnTo>
                  <a:lnTo>
                    <a:pt x="777923" y="163774"/>
                  </a:lnTo>
                  <a:lnTo>
                    <a:pt x="272956" y="163774"/>
                  </a:lnTo>
                  <a:close/>
                </a:path>
              </a:pathLst>
            </a:custGeom>
            <a:solidFill>
              <a:srgbClr val="92D050">
                <a:alpha val="52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30" name="צורה חופשית 29"/>
            <p:cNvSpPr/>
            <p:nvPr/>
          </p:nvSpPr>
          <p:spPr>
            <a:xfrm>
              <a:off x="2970648" y="3748066"/>
              <a:ext cx="1647425" cy="2358135"/>
            </a:xfrm>
            <a:custGeom>
              <a:avLst/>
              <a:gdLst>
                <a:gd name="connsiteX0" fmla="*/ 0 w 2674961"/>
                <a:gd name="connsiteY0" fmla="*/ 2756848 h 4067033"/>
                <a:gd name="connsiteX1" fmla="*/ 0 w 2674961"/>
                <a:gd name="connsiteY1" fmla="*/ 2606723 h 4067033"/>
                <a:gd name="connsiteX2" fmla="*/ 40943 w 2674961"/>
                <a:gd name="connsiteY2" fmla="*/ 2565779 h 4067033"/>
                <a:gd name="connsiteX3" fmla="*/ 191069 w 2674961"/>
                <a:gd name="connsiteY3" fmla="*/ 2511188 h 4067033"/>
                <a:gd name="connsiteX4" fmla="*/ 300251 w 2674961"/>
                <a:gd name="connsiteY4" fmla="*/ 2347415 h 4067033"/>
                <a:gd name="connsiteX5" fmla="*/ 286603 w 2674961"/>
                <a:gd name="connsiteY5" fmla="*/ 2224585 h 4067033"/>
                <a:gd name="connsiteX6" fmla="*/ 272955 w 2674961"/>
                <a:gd name="connsiteY6" fmla="*/ 2142699 h 4067033"/>
                <a:gd name="connsiteX7" fmla="*/ 327546 w 2674961"/>
                <a:gd name="connsiteY7" fmla="*/ 2060812 h 4067033"/>
                <a:gd name="connsiteX8" fmla="*/ 368490 w 2674961"/>
                <a:gd name="connsiteY8" fmla="*/ 1883391 h 4067033"/>
                <a:gd name="connsiteX9" fmla="*/ 436728 w 2674961"/>
                <a:gd name="connsiteY9" fmla="*/ 1610436 h 4067033"/>
                <a:gd name="connsiteX10" fmla="*/ 395785 w 2674961"/>
                <a:gd name="connsiteY10" fmla="*/ 1473958 h 4067033"/>
                <a:gd name="connsiteX11" fmla="*/ 382137 w 2674961"/>
                <a:gd name="connsiteY11" fmla="*/ 1187355 h 4067033"/>
                <a:gd name="connsiteX12" fmla="*/ 450376 w 2674961"/>
                <a:gd name="connsiteY12" fmla="*/ 1091821 h 4067033"/>
                <a:gd name="connsiteX13" fmla="*/ 464024 w 2674961"/>
                <a:gd name="connsiteY13" fmla="*/ 1064526 h 4067033"/>
                <a:gd name="connsiteX14" fmla="*/ 477672 w 2674961"/>
                <a:gd name="connsiteY14" fmla="*/ 941696 h 4067033"/>
                <a:gd name="connsiteX15" fmla="*/ 641445 w 2674961"/>
                <a:gd name="connsiteY15" fmla="*/ 777923 h 4067033"/>
                <a:gd name="connsiteX16" fmla="*/ 682388 w 2674961"/>
                <a:gd name="connsiteY16" fmla="*/ 696036 h 4067033"/>
                <a:gd name="connsiteX17" fmla="*/ 682388 w 2674961"/>
                <a:gd name="connsiteY17" fmla="*/ 532263 h 4067033"/>
                <a:gd name="connsiteX18" fmla="*/ 723331 w 2674961"/>
                <a:gd name="connsiteY18" fmla="*/ 450376 h 4067033"/>
                <a:gd name="connsiteX19" fmla="*/ 900752 w 2674961"/>
                <a:gd name="connsiteY19" fmla="*/ 600502 h 4067033"/>
                <a:gd name="connsiteX20" fmla="*/ 914400 w 2674961"/>
                <a:gd name="connsiteY20" fmla="*/ 750627 h 4067033"/>
                <a:gd name="connsiteX21" fmla="*/ 996287 w 2674961"/>
                <a:gd name="connsiteY21" fmla="*/ 805218 h 4067033"/>
                <a:gd name="connsiteX22" fmla="*/ 1050878 w 2674961"/>
                <a:gd name="connsiteY22" fmla="*/ 914400 h 4067033"/>
                <a:gd name="connsiteX23" fmla="*/ 1310185 w 2674961"/>
                <a:gd name="connsiteY23" fmla="*/ 1023582 h 4067033"/>
                <a:gd name="connsiteX24" fmla="*/ 1282890 w 2674961"/>
                <a:gd name="connsiteY24" fmla="*/ 914400 h 4067033"/>
                <a:gd name="connsiteX25" fmla="*/ 1269242 w 2674961"/>
                <a:gd name="connsiteY25" fmla="*/ 750627 h 4067033"/>
                <a:gd name="connsiteX26" fmla="*/ 1555845 w 2674961"/>
                <a:gd name="connsiteY26" fmla="*/ 586854 h 4067033"/>
                <a:gd name="connsiteX27" fmla="*/ 1705970 w 2674961"/>
                <a:gd name="connsiteY27" fmla="*/ 641445 h 4067033"/>
                <a:gd name="connsiteX28" fmla="*/ 2006221 w 2674961"/>
                <a:gd name="connsiteY28" fmla="*/ 368490 h 4067033"/>
                <a:gd name="connsiteX29" fmla="*/ 2224585 w 2674961"/>
                <a:gd name="connsiteY29" fmla="*/ 272955 h 4067033"/>
                <a:gd name="connsiteX30" fmla="*/ 2265528 w 2674961"/>
                <a:gd name="connsiteY30" fmla="*/ 177421 h 4067033"/>
                <a:gd name="connsiteX31" fmla="*/ 2292824 w 2674961"/>
                <a:gd name="connsiteY31" fmla="*/ 68239 h 4067033"/>
                <a:gd name="connsiteX32" fmla="*/ 2347415 w 2674961"/>
                <a:gd name="connsiteY32" fmla="*/ 0 h 4067033"/>
                <a:gd name="connsiteX33" fmla="*/ 2470245 w 2674961"/>
                <a:gd name="connsiteY33" fmla="*/ 0 h 4067033"/>
                <a:gd name="connsiteX34" fmla="*/ 2552131 w 2674961"/>
                <a:gd name="connsiteY34" fmla="*/ 54591 h 4067033"/>
                <a:gd name="connsiteX35" fmla="*/ 2647666 w 2674961"/>
                <a:gd name="connsiteY35" fmla="*/ 54591 h 4067033"/>
                <a:gd name="connsiteX36" fmla="*/ 2674961 w 2674961"/>
                <a:gd name="connsiteY36" fmla="*/ 122830 h 4067033"/>
                <a:gd name="connsiteX37" fmla="*/ 2429302 w 2674961"/>
                <a:gd name="connsiteY37" fmla="*/ 368490 h 4067033"/>
                <a:gd name="connsiteX38" fmla="*/ 2183642 w 2674961"/>
                <a:gd name="connsiteY38" fmla="*/ 614149 h 4067033"/>
                <a:gd name="connsiteX39" fmla="*/ 2006221 w 2674961"/>
                <a:gd name="connsiteY39" fmla="*/ 859809 h 4067033"/>
                <a:gd name="connsiteX40" fmla="*/ 1951630 w 2674961"/>
                <a:gd name="connsiteY40" fmla="*/ 941696 h 4067033"/>
                <a:gd name="connsiteX41" fmla="*/ 1856096 w 2674961"/>
                <a:gd name="connsiteY41" fmla="*/ 928048 h 4067033"/>
                <a:gd name="connsiteX42" fmla="*/ 1719618 w 2674961"/>
                <a:gd name="connsiteY42" fmla="*/ 1091821 h 4067033"/>
                <a:gd name="connsiteX43" fmla="*/ 1651379 w 2674961"/>
                <a:gd name="connsiteY43" fmla="*/ 1678675 h 4067033"/>
                <a:gd name="connsiteX44" fmla="*/ 1637731 w 2674961"/>
                <a:gd name="connsiteY44" fmla="*/ 2470245 h 4067033"/>
                <a:gd name="connsiteX45" fmla="*/ 1555845 w 2674961"/>
                <a:gd name="connsiteY45" fmla="*/ 2906973 h 4067033"/>
                <a:gd name="connsiteX46" fmla="*/ 1487606 w 2674961"/>
                <a:gd name="connsiteY46" fmla="*/ 3043451 h 4067033"/>
                <a:gd name="connsiteX47" fmla="*/ 1501254 w 2674961"/>
                <a:gd name="connsiteY47" fmla="*/ 3316406 h 4067033"/>
                <a:gd name="connsiteX48" fmla="*/ 1364776 w 2674961"/>
                <a:gd name="connsiteY48" fmla="*/ 3507475 h 4067033"/>
                <a:gd name="connsiteX49" fmla="*/ 1364776 w 2674961"/>
                <a:gd name="connsiteY49" fmla="*/ 3780430 h 4067033"/>
                <a:gd name="connsiteX50" fmla="*/ 1269242 w 2674961"/>
                <a:gd name="connsiteY50" fmla="*/ 3766782 h 4067033"/>
                <a:gd name="connsiteX51" fmla="*/ 1119117 w 2674961"/>
                <a:gd name="connsiteY51" fmla="*/ 3835021 h 4067033"/>
                <a:gd name="connsiteX52" fmla="*/ 1105469 w 2674961"/>
                <a:gd name="connsiteY52" fmla="*/ 3916908 h 4067033"/>
                <a:gd name="connsiteX53" fmla="*/ 682388 w 2674961"/>
                <a:gd name="connsiteY53" fmla="*/ 4067033 h 4067033"/>
                <a:gd name="connsiteX54" fmla="*/ 709684 w 2674961"/>
                <a:gd name="connsiteY54" fmla="*/ 3889612 h 4067033"/>
                <a:gd name="connsiteX55" fmla="*/ 682388 w 2674961"/>
                <a:gd name="connsiteY55" fmla="*/ 3835021 h 4067033"/>
                <a:gd name="connsiteX56" fmla="*/ 682388 w 2674961"/>
                <a:gd name="connsiteY56" fmla="*/ 3766782 h 4067033"/>
                <a:gd name="connsiteX57" fmla="*/ 777923 w 2674961"/>
                <a:gd name="connsiteY57" fmla="*/ 3712191 h 4067033"/>
                <a:gd name="connsiteX58" fmla="*/ 777923 w 2674961"/>
                <a:gd name="connsiteY58" fmla="*/ 3493827 h 4067033"/>
                <a:gd name="connsiteX59" fmla="*/ 750627 w 2674961"/>
                <a:gd name="connsiteY59" fmla="*/ 3398293 h 4067033"/>
                <a:gd name="connsiteX60" fmla="*/ 818866 w 2674961"/>
                <a:gd name="connsiteY60" fmla="*/ 3138985 h 4067033"/>
                <a:gd name="connsiteX61" fmla="*/ 818866 w 2674961"/>
                <a:gd name="connsiteY61" fmla="*/ 3070746 h 4067033"/>
                <a:gd name="connsiteX62" fmla="*/ 504967 w 2674961"/>
                <a:gd name="connsiteY62" fmla="*/ 2947917 h 4067033"/>
                <a:gd name="connsiteX63" fmla="*/ 300251 w 2674961"/>
                <a:gd name="connsiteY63" fmla="*/ 2825087 h 4067033"/>
                <a:gd name="connsiteX64" fmla="*/ 0 w 2674961"/>
                <a:gd name="connsiteY64" fmla="*/ 2756848 h 4067033"/>
                <a:gd name="connsiteX0" fmla="*/ 0 w 2674961"/>
                <a:gd name="connsiteY0" fmla="*/ 2756848 h 4067033"/>
                <a:gd name="connsiteX1" fmla="*/ 0 w 2674961"/>
                <a:gd name="connsiteY1" fmla="*/ 2606723 h 4067033"/>
                <a:gd name="connsiteX2" fmla="*/ 40943 w 2674961"/>
                <a:gd name="connsiteY2" fmla="*/ 2565779 h 4067033"/>
                <a:gd name="connsiteX3" fmla="*/ 191069 w 2674961"/>
                <a:gd name="connsiteY3" fmla="*/ 2511188 h 4067033"/>
                <a:gd name="connsiteX4" fmla="*/ 300251 w 2674961"/>
                <a:gd name="connsiteY4" fmla="*/ 2347415 h 4067033"/>
                <a:gd name="connsiteX5" fmla="*/ 286603 w 2674961"/>
                <a:gd name="connsiteY5" fmla="*/ 2224585 h 4067033"/>
                <a:gd name="connsiteX6" fmla="*/ 272955 w 2674961"/>
                <a:gd name="connsiteY6" fmla="*/ 2142699 h 4067033"/>
                <a:gd name="connsiteX7" fmla="*/ 327546 w 2674961"/>
                <a:gd name="connsiteY7" fmla="*/ 2060812 h 4067033"/>
                <a:gd name="connsiteX8" fmla="*/ 368490 w 2674961"/>
                <a:gd name="connsiteY8" fmla="*/ 1883391 h 4067033"/>
                <a:gd name="connsiteX9" fmla="*/ 436728 w 2674961"/>
                <a:gd name="connsiteY9" fmla="*/ 1610436 h 4067033"/>
                <a:gd name="connsiteX10" fmla="*/ 395785 w 2674961"/>
                <a:gd name="connsiteY10" fmla="*/ 1473958 h 4067033"/>
                <a:gd name="connsiteX11" fmla="*/ 382137 w 2674961"/>
                <a:gd name="connsiteY11" fmla="*/ 1187355 h 4067033"/>
                <a:gd name="connsiteX12" fmla="*/ 450376 w 2674961"/>
                <a:gd name="connsiteY12" fmla="*/ 1091821 h 4067033"/>
                <a:gd name="connsiteX13" fmla="*/ 464024 w 2674961"/>
                <a:gd name="connsiteY13" fmla="*/ 1064526 h 4067033"/>
                <a:gd name="connsiteX14" fmla="*/ 477672 w 2674961"/>
                <a:gd name="connsiteY14" fmla="*/ 941696 h 4067033"/>
                <a:gd name="connsiteX15" fmla="*/ 641445 w 2674961"/>
                <a:gd name="connsiteY15" fmla="*/ 777923 h 4067033"/>
                <a:gd name="connsiteX16" fmla="*/ 682388 w 2674961"/>
                <a:gd name="connsiteY16" fmla="*/ 696036 h 4067033"/>
                <a:gd name="connsiteX17" fmla="*/ 682388 w 2674961"/>
                <a:gd name="connsiteY17" fmla="*/ 532263 h 4067033"/>
                <a:gd name="connsiteX18" fmla="*/ 723331 w 2674961"/>
                <a:gd name="connsiteY18" fmla="*/ 450376 h 4067033"/>
                <a:gd name="connsiteX19" fmla="*/ 900752 w 2674961"/>
                <a:gd name="connsiteY19" fmla="*/ 600502 h 4067033"/>
                <a:gd name="connsiteX20" fmla="*/ 914400 w 2674961"/>
                <a:gd name="connsiteY20" fmla="*/ 750627 h 4067033"/>
                <a:gd name="connsiteX21" fmla="*/ 996287 w 2674961"/>
                <a:gd name="connsiteY21" fmla="*/ 805218 h 4067033"/>
                <a:gd name="connsiteX22" fmla="*/ 1050878 w 2674961"/>
                <a:gd name="connsiteY22" fmla="*/ 914400 h 4067033"/>
                <a:gd name="connsiteX23" fmla="*/ 1310185 w 2674961"/>
                <a:gd name="connsiteY23" fmla="*/ 1023582 h 4067033"/>
                <a:gd name="connsiteX24" fmla="*/ 1282890 w 2674961"/>
                <a:gd name="connsiteY24" fmla="*/ 914400 h 4067033"/>
                <a:gd name="connsiteX25" fmla="*/ 1269242 w 2674961"/>
                <a:gd name="connsiteY25" fmla="*/ 750627 h 4067033"/>
                <a:gd name="connsiteX26" fmla="*/ 1555845 w 2674961"/>
                <a:gd name="connsiteY26" fmla="*/ 586854 h 4067033"/>
                <a:gd name="connsiteX27" fmla="*/ 1705970 w 2674961"/>
                <a:gd name="connsiteY27" fmla="*/ 641445 h 4067033"/>
                <a:gd name="connsiteX28" fmla="*/ 2006221 w 2674961"/>
                <a:gd name="connsiteY28" fmla="*/ 368490 h 4067033"/>
                <a:gd name="connsiteX29" fmla="*/ 2224585 w 2674961"/>
                <a:gd name="connsiteY29" fmla="*/ 272955 h 4067033"/>
                <a:gd name="connsiteX30" fmla="*/ 2265528 w 2674961"/>
                <a:gd name="connsiteY30" fmla="*/ 177421 h 4067033"/>
                <a:gd name="connsiteX31" fmla="*/ 2292824 w 2674961"/>
                <a:gd name="connsiteY31" fmla="*/ 68239 h 4067033"/>
                <a:gd name="connsiteX32" fmla="*/ 2347415 w 2674961"/>
                <a:gd name="connsiteY32" fmla="*/ 0 h 4067033"/>
                <a:gd name="connsiteX33" fmla="*/ 2478582 w 2674961"/>
                <a:gd name="connsiteY33" fmla="*/ 96803 h 4067033"/>
                <a:gd name="connsiteX34" fmla="*/ 2552131 w 2674961"/>
                <a:gd name="connsiteY34" fmla="*/ 54591 h 4067033"/>
                <a:gd name="connsiteX35" fmla="*/ 2647666 w 2674961"/>
                <a:gd name="connsiteY35" fmla="*/ 54591 h 4067033"/>
                <a:gd name="connsiteX36" fmla="*/ 2674961 w 2674961"/>
                <a:gd name="connsiteY36" fmla="*/ 122830 h 4067033"/>
                <a:gd name="connsiteX37" fmla="*/ 2429302 w 2674961"/>
                <a:gd name="connsiteY37" fmla="*/ 368490 h 4067033"/>
                <a:gd name="connsiteX38" fmla="*/ 2183642 w 2674961"/>
                <a:gd name="connsiteY38" fmla="*/ 614149 h 4067033"/>
                <a:gd name="connsiteX39" fmla="*/ 2006221 w 2674961"/>
                <a:gd name="connsiteY39" fmla="*/ 859809 h 4067033"/>
                <a:gd name="connsiteX40" fmla="*/ 1951630 w 2674961"/>
                <a:gd name="connsiteY40" fmla="*/ 941696 h 4067033"/>
                <a:gd name="connsiteX41" fmla="*/ 1856096 w 2674961"/>
                <a:gd name="connsiteY41" fmla="*/ 928048 h 4067033"/>
                <a:gd name="connsiteX42" fmla="*/ 1719618 w 2674961"/>
                <a:gd name="connsiteY42" fmla="*/ 1091821 h 4067033"/>
                <a:gd name="connsiteX43" fmla="*/ 1651379 w 2674961"/>
                <a:gd name="connsiteY43" fmla="*/ 1678675 h 4067033"/>
                <a:gd name="connsiteX44" fmla="*/ 1637731 w 2674961"/>
                <a:gd name="connsiteY44" fmla="*/ 2470245 h 4067033"/>
                <a:gd name="connsiteX45" fmla="*/ 1555845 w 2674961"/>
                <a:gd name="connsiteY45" fmla="*/ 2906973 h 4067033"/>
                <a:gd name="connsiteX46" fmla="*/ 1487606 w 2674961"/>
                <a:gd name="connsiteY46" fmla="*/ 3043451 h 4067033"/>
                <a:gd name="connsiteX47" fmla="*/ 1501254 w 2674961"/>
                <a:gd name="connsiteY47" fmla="*/ 3316406 h 4067033"/>
                <a:gd name="connsiteX48" fmla="*/ 1364776 w 2674961"/>
                <a:gd name="connsiteY48" fmla="*/ 3507475 h 4067033"/>
                <a:gd name="connsiteX49" fmla="*/ 1364776 w 2674961"/>
                <a:gd name="connsiteY49" fmla="*/ 3780430 h 4067033"/>
                <a:gd name="connsiteX50" fmla="*/ 1269242 w 2674961"/>
                <a:gd name="connsiteY50" fmla="*/ 3766782 h 4067033"/>
                <a:gd name="connsiteX51" fmla="*/ 1119117 w 2674961"/>
                <a:gd name="connsiteY51" fmla="*/ 3835021 h 4067033"/>
                <a:gd name="connsiteX52" fmla="*/ 1105469 w 2674961"/>
                <a:gd name="connsiteY52" fmla="*/ 3916908 h 4067033"/>
                <a:gd name="connsiteX53" fmla="*/ 682388 w 2674961"/>
                <a:gd name="connsiteY53" fmla="*/ 4067033 h 4067033"/>
                <a:gd name="connsiteX54" fmla="*/ 709684 w 2674961"/>
                <a:gd name="connsiteY54" fmla="*/ 3889612 h 4067033"/>
                <a:gd name="connsiteX55" fmla="*/ 682388 w 2674961"/>
                <a:gd name="connsiteY55" fmla="*/ 3835021 h 4067033"/>
                <a:gd name="connsiteX56" fmla="*/ 682388 w 2674961"/>
                <a:gd name="connsiteY56" fmla="*/ 3766782 h 4067033"/>
                <a:gd name="connsiteX57" fmla="*/ 777923 w 2674961"/>
                <a:gd name="connsiteY57" fmla="*/ 3712191 h 4067033"/>
                <a:gd name="connsiteX58" fmla="*/ 777923 w 2674961"/>
                <a:gd name="connsiteY58" fmla="*/ 3493827 h 4067033"/>
                <a:gd name="connsiteX59" fmla="*/ 750627 w 2674961"/>
                <a:gd name="connsiteY59" fmla="*/ 3398293 h 4067033"/>
                <a:gd name="connsiteX60" fmla="*/ 818866 w 2674961"/>
                <a:gd name="connsiteY60" fmla="*/ 3138985 h 4067033"/>
                <a:gd name="connsiteX61" fmla="*/ 818866 w 2674961"/>
                <a:gd name="connsiteY61" fmla="*/ 3070746 h 4067033"/>
                <a:gd name="connsiteX62" fmla="*/ 504967 w 2674961"/>
                <a:gd name="connsiteY62" fmla="*/ 2947917 h 4067033"/>
                <a:gd name="connsiteX63" fmla="*/ 300251 w 2674961"/>
                <a:gd name="connsiteY63" fmla="*/ 2825087 h 4067033"/>
                <a:gd name="connsiteX64" fmla="*/ 0 w 2674961"/>
                <a:gd name="connsiteY64" fmla="*/ 2756848 h 4067033"/>
                <a:gd name="connsiteX0" fmla="*/ 0 w 2674961"/>
                <a:gd name="connsiteY0" fmla="*/ 2702257 h 4012442"/>
                <a:gd name="connsiteX1" fmla="*/ 0 w 2674961"/>
                <a:gd name="connsiteY1" fmla="*/ 2552132 h 4012442"/>
                <a:gd name="connsiteX2" fmla="*/ 40943 w 2674961"/>
                <a:gd name="connsiteY2" fmla="*/ 2511188 h 4012442"/>
                <a:gd name="connsiteX3" fmla="*/ 191069 w 2674961"/>
                <a:gd name="connsiteY3" fmla="*/ 2456597 h 4012442"/>
                <a:gd name="connsiteX4" fmla="*/ 300251 w 2674961"/>
                <a:gd name="connsiteY4" fmla="*/ 2292824 h 4012442"/>
                <a:gd name="connsiteX5" fmla="*/ 286603 w 2674961"/>
                <a:gd name="connsiteY5" fmla="*/ 2169994 h 4012442"/>
                <a:gd name="connsiteX6" fmla="*/ 272955 w 2674961"/>
                <a:gd name="connsiteY6" fmla="*/ 2088108 h 4012442"/>
                <a:gd name="connsiteX7" fmla="*/ 327546 w 2674961"/>
                <a:gd name="connsiteY7" fmla="*/ 2006221 h 4012442"/>
                <a:gd name="connsiteX8" fmla="*/ 368490 w 2674961"/>
                <a:gd name="connsiteY8" fmla="*/ 1828800 h 4012442"/>
                <a:gd name="connsiteX9" fmla="*/ 436728 w 2674961"/>
                <a:gd name="connsiteY9" fmla="*/ 1555845 h 4012442"/>
                <a:gd name="connsiteX10" fmla="*/ 395785 w 2674961"/>
                <a:gd name="connsiteY10" fmla="*/ 1419367 h 4012442"/>
                <a:gd name="connsiteX11" fmla="*/ 382137 w 2674961"/>
                <a:gd name="connsiteY11" fmla="*/ 1132764 h 4012442"/>
                <a:gd name="connsiteX12" fmla="*/ 450376 w 2674961"/>
                <a:gd name="connsiteY12" fmla="*/ 1037230 h 4012442"/>
                <a:gd name="connsiteX13" fmla="*/ 464024 w 2674961"/>
                <a:gd name="connsiteY13" fmla="*/ 1009935 h 4012442"/>
                <a:gd name="connsiteX14" fmla="*/ 477672 w 2674961"/>
                <a:gd name="connsiteY14" fmla="*/ 887105 h 4012442"/>
                <a:gd name="connsiteX15" fmla="*/ 641445 w 2674961"/>
                <a:gd name="connsiteY15" fmla="*/ 723332 h 4012442"/>
                <a:gd name="connsiteX16" fmla="*/ 682388 w 2674961"/>
                <a:gd name="connsiteY16" fmla="*/ 641445 h 4012442"/>
                <a:gd name="connsiteX17" fmla="*/ 682388 w 2674961"/>
                <a:gd name="connsiteY17" fmla="*/ 477672 h 4012442"/>
                <a:gd name="connsiteX18" fmla="*/ 723331 w 2674961"/>
                <a:gd name="connsiteY18" fmla="*/ 395785 h 4012442"/>
                <a:gd name="connsiteX19" fmla="*/ 900752 w 2674961"/>
                <a:gd name="connsiteY19" fmla="*/ 545911 h 4012442"/>
                <a:gd name="connsiteX20" fmla="*/ 914400 w 2674961"/>
                <a:gd name="connsiteY20" fmla="*/ 696036 h 4012442"/>
                <a:gd name="connsiteX21" fmla="*/ 996287 w 2674961"/>
                <a:gd name="connsiteY21" fmla="*/ 750627 h 4012442"/>
                <a:gd name="connsiteX22" fmla="*/ 1050878 w 2674961"/>
                <a:gd name="connsiteY22" fmla="*/ 859809 h 4012442"/>
                <a:gd name="connsiteX23" fmla="*/ 1310185 w 2674961"/>
                <a:gd name="connsiteY23" fmla="*/ 968991 h 4012442"/>
                <a:gd name="connsiteX24" fmla="*/ 1282890 w 2674961"/>
                <a:gd name="connsiteY24" fmla="*/ 859809 h 4012442"/>
                <a:gd name="connsiteX25" fmla="*/ 1269242 w 2674961"/>
                <a:gd name="connsiteY25" fmla="*/ 696036 h 4012442"/>
                <a:gd name="connsiteX26" fmla="*/ 1555845 w 2674961"/>
                <a:gd name="connsiteY26" fmla="*/ 532263 h 4012442"/>
                <a:gd name="connsiteX27" fmla="*/ 1705970 w 2674961"/>
                <a:gd name="connsiteY27" fmla="*/ 586854 h 4012442"/>
                <a:gd name="connsiteX28" fmla="*/ 2006221 w 2674961"/>
                <a:gd name="connsiteY28" fmla="*/ 313899 h 4012442"/>
                <a:gd name="connsiteX29" fmla="*/ 2224585 w 2674961"/>
                <a:gd name="connsiteY29" fmla="*/ 218364 h 4012442"/>
                <a:gd name="connsiteX30" fmla="*/ 2265528 w 2674961"/>
                <a:gd name="connsiteY30" fmla="*/ 122830 h 4012442"/>
                <a:gd name="connsiteX31" fmla="*/ 2292824 w 2674961"/>
                <a:gd name="connsiteY31" fmla="*/ 13648 h 4012442"/>
                <a:gd name="connsiteX32" fmla="*/ 2335706 w 2674961"/>
                <a:gd name="connsiteY32" fmla="*/ 42212 h 4012442"/>
                <a:gd name="connsiteX33" fmla="*/ 2478582 w 2674961"/>
                <a:gd name="connsiteY33" fmla="*/ 42212 h 4012442"/>
                <a:gd name="connsiteX34" fmla="*/ 2552131 w 2674961"/>
                <a:gd name="connsiteY34" fmla="*/ 0 h 4012442"/>
                <a:gd name="connsiteX35" fmla="*/ 2647666 w 2674961"/>
                <a:gd name="connsiteY35" fmla="*/ 0 h 4012442"/>
                <a:gd name="connsiteX36" fmla="*/ 2674961 w 2674961"/>
                <a:gd name="connsiteY36" fmla="*/ 68239 h 4012442"/>
                <a:gd name="connsiteX37" fmla="*/ 2429302 w 2674961"/>
                <a:gd name="connsiteY37" fmla="*/ 313899 h 4012442"/>
                <a:gd name="connsiteX38" fmla="*/ 2183642 w 2674961"/>
                <a:gd name="connsiteY38" fmla="*/ 559558 h 4012442"/>
                <a:gd name="connsiteX39" fmla="*/ 2006221 w 2674961"/>
                <a:gd name="connsiteY39" fmla="*/ 805218 h 4012442"/>
                <a:gd name="connsiteX40" fmla="*/ 1951630 w 2674961"/>
                <a:gd name="connsiteY40" fmla="*/ 887105 h 4012442"/>
                <a:gd name="connsiteX41" fmla="*/ 1856096 w 2674961"/>
                <a:gd name="connsiteY41" fmla="*/ 873457 h 4012442"/>
                <a:gd name="connsiteX42" fmla="*/ 1719618 w 2674961"/>
                <a:gd name="connsiteY42" fmla="*/ 1037230 h 4012442"/>
                <a:gd name="connsiteX43" fmla="*/ 1651379 w 2674961"/>
                <a:gd name="connsiteY43" fmla="*/ 1624084 h 4012442"/>
                <a:gd name="connsiteX44" fmla="*/ 1637731 w 2674961"/>
                <a:gd name="connsiteY44" fmla="*/ 2415654 h 4012442"/>
                <a:gd name="connsiteX45" fmla="*/ 1555845 w 2674961"/>
                <a:gd name="connsiteY45" fmla="*/ 2852382 h 4012442"/>
                <a:gd name="connsiteX46" fmla="*/ 1487606 w 2674961"/>
                <a:gd name="connsiteY46" fmla="*/ 2988860 h 4012442"/>
                <a:gd name="connsiteX47" fmla="*/ 1501254 w 2674961"/>
                <a:gd name="connsiteY47" fmla="*/ 3261815 h 4012442"/>
                <a:gd name="connsiteX48" fmla="*/ 1364776 w 2674961"/>
                <a:gd name="connsiteY48" fmla="*/ 3452884 h 4012442"/>
                <a:gd name="connsiteX49" fmla="*/ 1364776 w 2674961"/>
                <a:gd name="connsiteY49" fmla="*/ 3725839 h 4012442"/>
                <a:gd name="connsiteX50" fmla="*/ 1269242 w 2674961"/>
                <a:gd name="connsiteY50" fmla="*/ 3712191 h 4012442"/>
                <a:gd name="connsiteX51" fmla="*/ 1119117 w 2674961"/>
                <a:gd name="connsiteY51" fmla="*/ 3780430 h 4012442"/>
                <a:gd name="connsiteX52" fmla="*/ 1105469 w 2674961"/>
                <a:gd name="connsiteY52" fmla="*/ 3862317 h 4012442"/>
                <a:gd name="connsiteX53" fmla="*/ 682388 w 2674961"/>
                <a:gd name="connsiteY53" fmla="*/ 4012442 h 4012442"/>
                <a:gd name="connsiteX54" fmla="*/ 709684 w 2674961"/>
                <a:gd name="connsiteY54" fmla="*/ 3835021 h 4012442"/>
                <a:gd name="connsiteX55" fmla="*/ 682388 w 2674961"/>
                <a:gd name="connsiteY55" fmla="*/ 3780430 h 4012442"/>
                <a:gd name="connsiteX56" fmla="*/ 682388 w 2674961"/>
                <a:gd name="connsiteY56" fmla="*/ 3712191 h 4012442"/>
                <a:gd name="connsiteX57" fmla="*/ 777923 w 2674961"/>
                <a:gd name="connsiteY57" fmla="*/ 3657600 h 4012442"/>
                <a:gd name="connsiteX58" fmla="*/ 777923 w 2674961"/>
                <a:gd name="connsiteY58" fmla="*/ 3439236 h 4012442"/>
                <a:gd name="connsiteX59" fmla="*/ 750627 w 2674961"/>
                <a:gd name="connsiteY59" fmla="*/ 3343702 h 4012442"/>
                <a:gd name="connsiteX60" fmla="*/ 818866 w 2674961"/>
                <a:gd name="connsiteY60" fmla="*/ 3084394 h 4012442"/>
                <a:gd name="connsiteX61" fmla="*/ 818866 w 2674961"/>
                <a:gd name="connsiteY61" fmla="*/ 3016155 h 4012442"/>
                <a:gd name="connsiteX62" fmla="*/ 504967 w 2674961"/>
                <a:gd name="connsiteY62" fmla="*/ 2893326 h 4012442"/>
                <a:gd name="connsiteX63" fmla="*/ 300251 w 2674961"/>
                <a:gd name="connsiteY63" fmla="*/ 2770496 h 4012442"/>
                <a:gd name="connsiteX64" fmla="*/ 0 w 2674961"/>
                <a:gd name="connsiteY64" fmla="*/ 2702257 h 4012442"/>
                <a:gd name="connsiteX0" fmla="*/ 0 w 2674961"/>
                <a:gd name="connsiteY0" fmla="*/ 2702257 h 4012442"/>
                <a:gd name="connsiteX1" fmla="*/ 0 w 2674961"/>
                <a:gd name="connsiteY1" fmla="*/ 2552132 h 4012442"/>
                <a:gd name="connsiteX2" fmla="*/ 40943 w 2674961"/>
                <a:gd name="connsiteY2" fmla="*/ 2511188 h 4012442"/>
                <a:gd name="connsiteX3" fmla="*/ 191069 w 2674961"/>
                <a:gd name="connsiteY3" fmla="*/ 2456597 h 4012442"/>
                <a:gd name="connsiteX4" fmla="*/ 300251 w 2674961"/>
                <a:gd name="connsiteY4" fmla="*/ 2292824 h 4012442"/>
                <a:gd name="connsiteX5" fmla="*/ 286603 w 2674961"/>
                <a:gd name="connsiteY5" fmla="*/ 2169994 h 4012442"/>
                <a:gd name="connsiteX6" fmla="*/ 272955 w 2674961"/>
                <a:gd name="connsiteY6" fmla="*/ 2088108 h 4012442"/>
                <a:gd name="connsiteX7" fmla="*/ 327546 w 2674961"/>
                <a:gd name="connsiteY7" fmla="*/ 2006221 h 4012442"/>
                <a:gd name="connsiteX8" fmla="*/ 368490 w 2674961"/>
                <a:gd name="connsiteY8" fmla="*/ 1828800 h 4012442"/>
                <a:gd name="connsiteX9" fmla="*/ 436728 w 2674961"/>
                <a:gd name="connsiteY9" fmla="*/ 1555845 h 4012442"/>
                <a:gd name="connsiteX10" fmla="*/ 395785 w 2674961"/>
                <a:gd name="connsiteY10" fmla="*/ 1419367 h 4012442"/>
                <a:gd name="connsiteX11" fmla="*/ 382137 w 2674961"/>
                <a:gd name="connsiteY11" fmla="*/ 1132764 h 4012442"/>
                <a:gd name="connsiteX12" fmla="*/ 450376 w 2674961"/>
                <a:gd name="connsiteY12" fmla="*/ 1037230 h 4012442"/>
                <a:gd name="connsiteX13" fmla="*/ 464024 w 2674961"/>
                <a:gd name="connsiteY13" fmla="*/ 1009935 h 4012442"/>
                <a:gd name="connsiteX14" fmla="*/ 477672 w 2674961"/>
                <a:gd name="connsiteY14" fmla="*/ 887105 h 4012442"/>
                <a:gd name="connsiteX15" fmla="*/ 641445 w 2674961"/>
                <a:gd name="connsiteY15" fmla="*/ 723332 h 4012442"/>
                <a:gd name="connsiteX16" fmla="*/ 682388 w 2674961"/>
                <a:gd name="connsiteY16" fmla="*/ 641445 h 4012442"/>
                <a:gd name="connsiteX17" fmla="*/ 682388 w 2674961"/>
                <a:gd name="connsiteY17" fmla="*/ 477672 h 4012442"/>
                <a:gd name="connsiteX18" fmla="*/ 723331 w 2674961"/>
                <a:gd name="connsiteY18" fmla="*/ 395785 h 4012442"/>
                <a:gd name="connsiteX19" fmla="*/ 900752 w 2674961"/>
                <a:gd name="connsiteY19" fmla="*/ 545911 h 4012442"/>
                <a:gd name="connsiteX20" fmla="*/ 914400 w 2674961"/>
                <a:gd name="connsiteY20" fmla="*/ 696036 h 4012442"/>
                <a:gd name="connsiteX21" fmla="*/ 996287 w 2674961"/>
                <a:gd name="connsiteY21" fmla="*/ 750627 h 4012442"/>
                <a:gd name="connsiteX22" fmla="*/ 1050878 w 2674961"/>
                <a:gd name="connsiteY22" fmla="*/ 859809 h 4012442"/>
                <a:gd name="connsiteX23" fmla="*/ 1310185 w 2674961"/>
                <a:gd name="connsiteY23" fmla="*/ 968991 h 4012442"/>
                <a:gd name="connsiteX24" fmla="*/ 1282890 w 2674961"/>
                <a:gd name="connsiteY24" fmla="*/ 859809 h 4012442"/>
                <a:gd name="connsiteX25" fmla="*/ 1269242 w 2674961"/>
                <a:gd name="connsiteY25" fmla="*/ 696036 h 4012442"/>
                <a:gd name="connsiteX26" fmla="*/ 1555845 w 2674961"/>
                <a:gd name="connsiteY26" fmla="*/ 532263 h 4012442"/>
                <a:gd name="connsiteX27" fmla="*/ 1705970 w 2674961"/>
                <a:gd name="connsiteY27" fmla="*/ 586854 h 4012442"/>
                <a:gd name="connsiteX28" fmla="*/ 2006221 w 2674961"/>
                <a:gd name="connsiteY28" fmla="*/ 313899 h 4012442"/>
                <a:gd name="connsiteX29" fmla="*/ 2224585 w 2674961"/>
                <a:gd name="connsiteY29" fmla="*/ 218364 h 4012442"/>
                <a:gd name="connsiteX30" fmla="*/ 2265528 w 2674961"/>
                <a:gd name="connsiteY30" fmla="*/ 122830 h 4012442"/>
                <a:gd name="connsiteX31" fmla="*/ 2292824 w 2674961"/>
                <a:gd name="connsiteY31" fmla="*/ 13648 h 4012442"/>
                <a:gd name="connsiteX32" fmla="*/ 2335706 w 2674961"/>
                <a:gd name="connsiteY32" fmla="*/ 42212 h 4012442"/>
                <a:gd name="connsiteX33" fmla="*/ 2478582 w 2674961"/>
                <a:gd name="connsiteY33" fmla="*/ 42212 h 4012442"/>
                <a:gd name="connsiteX34" fmla="*/ 2552131 w 2674961"/>
                <a:gd name="connsiteY34" fmla="*/ 0 h 4012442"/>
                <a:gd name="connsiteX35" fmla="*/ 2621458 w 2674961"/>
                <a:gd name="connsiteY35" fmla="*/ 42211 h 4012442"/>
                <a:gd name="connsiteX36" fmla="*/ 2674961 w 2674961"/>
                <a:gd name="connsiteY36" fmla="*/ 68239 h 4012442"/>
                <a:gd name="connsiteX37" fmla="*/ 2429302 w 2674961"/>
                <a:gd name="connsiteY37" fmla="*/ 313899 h 4012442"/>
                <a:gd name="connsiteX38" fmla="*/ 2183642 w 2674961"/>
                <a:gd name="connsiteY38" fmla="*/ 559558 h 4012442"/>
                <a:gd name="connsiteX39" fmla="*/ 2006221 w 2674961"/>
                <a:gd name="connsiteY39" fmla="*/ 805218 h 4012442"/>
                <a:gd name="connsiteX40" fmla="*/ 1951630 w 2674961"/>
                <a:gd name="connsiteY40" fmla="*/ 887105 h 4012442"/>
                <a:gd name="connsiteX41" fmla="*/ 1856096 w 2674961"/>
                <a:gd name="connsiteY41" fmla="*/ 873457 h 4012442"/>
                <a:gd name="connsiteX42" fmla="*/ 1719618 w 2674961"/>
                <a:gd name="connsiteY42" fmla="*/ 1037230 h 4012442"/>
                <a:gd name="connsiteX43" fmla="*/ 1651379 w 2674961"/>
                <a:gd name="connsiteY43" fmla="*/ 1624084 h 4012442"/>
                <a:gd name="connsiteX44" fmla="*/ 1637731 w 2674961"/>
                <a:gd name="connsiteY44" fmla="*/ 2415654 h 4012442"/>
                <a:gd name="connsiteX45" fmla="*/ 1555845 w 2674961"/>
                <a:gd name="connsiteY45" fmla="*/ 2852382 h 4012442"/>
                <a:gd name="connsiteX46" fmla="*/ 1487606 w 2674961"/>
                <a:gd name="connsiteY46" fmla="*/ 2988860 h 4012442"/>
                <a:gd name="connsiteX47" fmla="*/ 1501254 w 2674961"/>
                <a:gd name="connsiteY47" fmla="*/ 3261815 h 4012442"/>
                <a:gd name="connsiteX48" fmla="*/ 1364776 w 2674961"/>
                <a:gd name="connsiteY48" fmla="*/ 3452884 h 4012442"/>
                <a:gd name="connsiteX49" fmla="*/ 1364776 w 2674961"/>
                <a:gd name="connsiteY49" fmla="*/ 3725839 h 4012442"/>
                <a:gd name="connsiteX50" fmla="*/ 1269242 w 2674961"/>
                <a:gd name="connsiteY50" fmla="*/ 3712191 h 4012442"/>
                <a:gd name="connsiteX51" fmla="*/ 1119117 w 2674961"/>
                <a:gd name="connsiteY51" fmla="*/ 3780430 h 4012442"/>
                <a:gd name="connsiteX52" fmla="*/ 1105469 w 2674961"/>
                <a:gd name="connsiteY52" fmla="*/ 3862317 h 4012442"/>
                <a:gd name="connsiteX53" fmla="*/ 682388 w 2674961"/>
                <a:gd name="connsiteY53" fmla="*/ 4012442 h 4012442"/>
                <a:gd name="connsiteX54" fmla="*/ 709684 w 2674961"/>
                <a:gd name="connsiteY54" fmla="*/ 3835021 h 4012442"/>
                <a:gd name="connsiteX55" fmla="*/ 682388 w 2674961"/>
                <a:gd name="connsiteY55" fmla="*/ 3780430 h 4012442"/>
                <a:gd name="connsiteX56" fmla="*/ 682388 w 2674961"/>
                <a:gd name="connsiteY56" fmla="*/ 3712191 h 4012442"/>
                <a:gd name="connsiteX57" fmla="*/ 777923 w 2674961"/>
                <a:gd name="connsiteY57" fmla="*/ 3657600 h 4012442"/>
                <a:gd name="connsiteX58" fmla="*/ 777923 w 2674961"/>
                <a:gd name="connsiteY58" fmla="*/ 3439236 h 4012442"/>
                <a:gd name="connsiteX59" fmla="*/ 750627 w 2674961"/>
                <a:gd name="connsiteY59" fmla="*/ 3343702 h 4012442"/>
                <a:gd name="connsiteX60" fmla="*/ 818866 w 2674961"/>
                <a:gd name="connsiteY60" fmla="*/ 3084394 h 4012442"/>
                <a:gd name="connsiteX61" fmla="*/ 818866 w 2674961"/>
                <a:gd name="connsiteY61" fmla="*/ 3016155 h 4012442"/>
                <a:gd name="connsiteX62" fmla="*/ 504967 w 2674961"/>
                <a:gd name="connsiteY62" fmla="*/ 2893326 h 4012442"/>
                <a:gd name="connsiteX63" fmla="*/ 300251 w 2674961"/>
                <a:gd name="connsiteY63" fmla="*/ 2770496 h 4012442"/>
                <a:gd name="connsiteX64" fmla="*/ 0 w 2674961"/>
                <a:gd name="connsiteY64" fmla="*/ 2702257 h 401244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 ang="0">
                  <a:pos x="connsiteX44" y="connsiteY44"/>
                </a:cxn>
                <a:cxn ang="0">
                  <a:pos x="connsiteX45" y="connsiteY45"/>
                </a:cxn>
                <a:cxn ang="0">
                  <a:pos x="connsiteX46" y="connsiteY46"/>
                </a:cxn>
                <a:cxn ang="0">
                  <a:pos x="connsiteX47" y="connsiteY47"/>
                </a:cxn>
                <a:cxn ang="0">
                  <a:pos x="connsiteX48" y="connsiteY48"/>
                </a:cxn>
                <a:cxn ang="0">
                  <a:pos x="connsiteX49" y="connsiteY49"/>
                </a:cxn>
                <a:cxn ang="0">
                  <a:pos x="connsiteX50" y="connsiteY50"/>
                </a:cxn>
                <a:cxn ang="0">
                  <a:pos x="connsiteX51" y="connsiteY51"/>
                </a:cxn>
                <a:cxn ang="0">
                  <a:pos x="connsiteX52" y="connsiteY52"/>
                </a:cxn>
                <a:cxn ang="0">
                  <a:pos x="connsiteX53" y="connsiteY53"/>
                </a:cxn>
                <a:cxn ang="0">
                  <a:pos x="connsiteX54" y="connsiteY54"/>
                </a:cxn>
                <a:cxn ang="0">
                  <a:pos x="connsiteX55" y="connsiteY55"/>
                </a:cxn>
                <a:cxn ang="0">
                  <a:pos x="connsiteX56" y="connsiteY56"/>
                </a:cxn>
                <a:cxn ang="0">
                  <a:pos x="connsiteX57" y="connsiteY57"/>
                </a:cxn>
                <a:cxn ang="0">
                  <a:pos x="connsiteX58" y="connsiteY58"/>
                </a:cxn>
                <a:cxn ang="0">
                  <a:pos x="connsiteX59" y="connsiteY59"/>
                </a:cxn>
                <a:cxn ang="0">
                  <a:pos x="connsiteX60" y="connsiteY60"/>
                </a:cxn>
                <a:cxn ang="0">
                  <a:pos x="connsiteX61" y="connsiteY61"/>
                </a:cxn>
                <a:cxn ang="0">
                  <a:pos x="connsiteX62" y="connsiteY62"/>
                </a:cxn>
                <a:cxn ang="0">
                  <a:pos x="connsiteX63" y="connsiteY63"/>
                </a:cxn>
                <a:cxn ang="0">
                  <a:pos x="connsiteX64" y="connsiteY64"/>
                </a:cxn>
              </a:cxnLst>
              <a:rect l="l" t="t" r="r" b="b"/>
              <a:pathLst>
                <a:path w="2674961" h="4012442">
                  <a:moveTo>
                    <a:pt x="0" y="2702257"/>
                  </a:moveTo>
                  <a:lnTo>
                    <a:pt x="0" y="2552132"/>
                  </a:lnTo>
                  <a:lnTo>
                    <a:pt x="40943" y="2511188"/>
                  </a:lnTo>
                  <a:lnTo>
                    <a:pt x="191069" y="2456597"/>
                  </a:lnTo>
                  <a:lnTo>
                    <a:pt x="300251" y="2292824"/>
                  </a:lnTo>
                  <a:lnTo>
                    <a:pt x="286603" y="2169994"/>
                  </a:lnTo>
                  <a:lnTo>
                    <a:pt x="272955" y="2088108"/>
                  </a:lnTo>
                  <a:lnTo>
                    <a:pt x="327546" y="2006221"/>
                  </a:lnTo>
                  <a:lnTo>
                    <a:pt x="368490" y="1828800"/>
                  </a:lnTo>
                  <a:lnTo>
                    <a:pt x="436728" y="1555845"/>
                  </a:lnTo>
                  <a:lnTo>
                    <a:pt x="395785" y="1419367"/>
                  </a:lnTo>
                  <a:lnTo>
                    <a:pt x="382137" y="1132764"/>
                  </a:lnTo>
                  <a:lnTo>
                    <a:pt x="450376" y="1037230"/>
                  </a:lnTo>
                  <a:lnTo>
                    <a:pt x="464024" y="1009935"/>
                  </a:lnTo>
                  <a:lnTo>
                    <a:pt x="477672" y="887105"/>
                  </a:lnTo>
                  <a:lnTo>
                    <a:pt x="641445" y="723332"/>
                  </a:lnTo>
                  <a:lnTo>
                    <a:pt x="682388" y="641445"/>
                  </a:lnTo>
                  <a:lnTo>
                    <a:pt x="682388" y="477672"/>
                  </a:lnTo>
                  <a:lnTo>
                    <a:pt x="723331" y="395785"/>
                  </a:lnTo>
                  <a:lnTo>
                    <a:pt x="900752" y="545911"/>
                  </a:lnTo>
                  <a:lnTo>
                    <a:pt x="914400" y="696036"/>
                  </a:lnTo>
                  <a:lnTo>
                    <a:pt x="996287" y="750627"/>
                  </a:lnTo>
                  <a:lnTo>
                    <a:pt x="1050878" y="859809"/>
                  </a:lnTo>
                  <a:lnTo>
                    <a:pt x="1310185" y="968991"/>
                  </a:lnTo>
                  <a:lnTo>
                    <a:pt x="1282890" y="859809"/>
                  </a:lnTo>
                  <a:lnTo>
                    <a:pt x="1269242" y="696036"/>
                  </a:lnTo>
                  <a:lnTo>
                    <a:pt x="1555845" y="532263"/>
                  </a:lnTo>
                  <a:lnTo>
                    <a:pt x="1705970" y="586854"/>
                  </a:lnTo>
                  <a:lnTo>
                    <a:pt x="2006221" y="313899"/>
                  </a:lnTo>
                  <a:lnTo>
                    <a:pt x="2224585" y="218364"/>
                  </a:lnTo>
                  <a:lnTo>
                    <a:pt x="2265528" y="122830"/>
                  </a:lnTo>
                  <a:lnTo>
                    <a:pt x="2292824" y="13648"/>
                  </a:lnTo>
                  <a:lnTo>
                    <a:pt x="2335706" y="42212"/>
                  </a:lnTo>
                  <a:lnTo>
                    <a:pt x="2478582" y="42212"/>
                  </a:lnTo>
                  <a:lnTo>
                    <a:pt x="2552131" y="0"/>
                  </a:lnTo>
                  <a:lnTo>
                    <a:pt x="2621458" y="42211"/>
                  </a:lnTo>
                  <a:lnTo>
                    <a:pt x="2674961" y="68239"/>
                  </a:lnTo>
                  <a:lnTo>
                    <a:pt x="2429302" y="313899"/>
                  </a:lnTo>
                  <a:lnTo>
                    <a:pt x="2183642" y="559558"/>
                  </a:lnTo>
                  <a:lnTo>
                    <a:pt x="2006221" y="805218"/>
                  </a:lnTo>
                  <a:lnTo>
                    <a:pt x="1951630" y="887105"/>
                  </a:lnTo>
                  <a:lnTo>
                    <a:pt x="1856096" y="873457"/>
                  </a:lnTo>
                  <a:lnTo>
                    <a:pt x="1719618" y="1037230"/>
                  </a:lnTo>
                  <a:lnTo>
                    <a:pt x="1651379" y="1624084"/>
                  </a:lnTo>
                  <a:lnTo>
                    <a:pt x="1637731" y="2415654"/>
                  </a:lnTo>
                  <a:lnTo>
                    <a:pt x="1555845" y="2852382"/>
                  </a:lnTo>
                  <a:lnTo>
                    <a:pt x="1487606" y="2988860"/>
                  </a:lnTo>
                  <a:lnTo>
                    <a:pt x="1501254" y="3261815"/>
                  </a:lnTo>
                  <a:lnTo>
                    <a:pt x="1364776" y="3452884"/>
                  </a:lnTo>
                  <a:lnTo>
                    <a:pt x="1364776" y="3725839"/>
                  </a:lnTo>
                  <a:lnTo>
                    <a:pt x="1269242" y="3712191"/>
                  </a:lnTo>
                  <a:lnTo>
                    <a:pt x="1119117" y="3780430"/>
                  </a:lnTo>
                  <a:lnTo>
                    <a:pt x="1105469" y="3862317"/>
                  </a:lnTo>
                  <a:lnTo>
                    <a:pt x="682388" y="4012442"/>
                  </a:lnTo>
                  <a:lnTo>
                    <a:pt x="709684" y="3835021"/>
                  </a:lnTo>
                  <a:lnTo>
                    <a:pt x="682388" y="3780430"/>
                  </a:lnTo>
                  <a:lnTo>
                    <a:pt x="682388" y="3712191"/>
                  </a:lnTo>
                  <a:lnTo>
                    <a:pt x="777923" y="3657600"/>
                  </a:lnTo>
                  <a:lnTo>
                    <a:pt x="777923" y="3439236"/>
                  </a:lnTo>
                  <a:lnTo>
                    <a:pt x="750627" y="3343702"/>
                  </a:lnTo>
                  <a:lnTo>
                    <a:pt x="818866" y="3084394"/>
                  </a:lnTo>
                  <a:lnTo>
                    <a:pt x="818866" y="3016155"/>
                  </a:lnTo>
                  <a:lnTo>
                    <a:pt x="504967" y="2893326"/>
                  </a:lnTo>
                  <a:lnTo>
                    <a:pt x="300251" y="2770496"/>
                  </a:lnTo>
                  <a:lnTo>
                    <a:pt x="0" y="2702257"/>
                  </a:lnTo>
                  <a:close/>
                </a:path>
              </a:pathLst>
            </a:custGeom>
            <a:solidFill>
              <a:srgbClr val="00B0F0">
                <a:alpha val="4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6" name="TextBox 25"/>
            <p:cNvSpPr txBox="1"/>
            <p:nvPr/>
          </p:nvSpPr>
          <p:spPr>
            <a:xfrm>
              <a:off x="1108134" y="5647615"/>
              <a:ext cx="1134099" cy="646331"/>
            </a:xfrm>
            <a:prstGeom prst="rect">
              <a:avLst/>
            </a:prstGeom>
            <a:noFill/>
          </p:spPr>
          <p:txBody>
            <a:bodyPr wrap="square" rtlCol="1" anchor="ctr">
              <a:spAutoFit/>
            </a:bodyPr>
            <a:lstStyle/>
            <a:p>
              <a:pPr algn="ctr"/>
              <a:r>
                <a:rPr lang="he-IL" b="1" dirty="0" smtClean="0">
                  <a:solidFill>
                    <a:prstClr val="white"/>
                  </a:solidFill>
                  <a:effectLst>
                    <a:glow rad="228600">
                      <a:srgbClr val="0092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300</a:t>
              </a:r>
            </a:p>
            <a:p>
              <a:pPr algn="ctr"/>
              <a:r>
                <a:rPr lang="en-US" b="1" dirty="0" smtClean="0">
                  <a:solidFill>
                    <a:prstClr val="white"/>
                  </a:solidFill>
                  <a:effectLst>
                    <a:glow rad="228600">
                      <a:srgbClr val="0092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b="1" dirty="0">
                <a:solidFill>
                  <a:prstClr val="white"/>
                </a:solidFill>
                <a:effectLst>
                  <a:glow rad="228600">
                    <a:srgbClr val="0092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27" name="TextBox 26"/>
            <p:cNvSpPr txBox="1"/>
            <p:nvPr/>
          </p:nvSpPr>
          <p:spPr>
            <a:xfrm>
              <a:off x="3059832" y="4571858"/>
              <a:ext cx="1134099" cy="646331"/>
            </a:xfrm>
            <a:prstGeom prst="rect">
              <a:avLst/>
            </a:prstGeom>
            <a:noFill/>
          </p:spPr>
          <p:txBody>
            <a:bodyPr wrap="square" rtlCol="1" anchor="ctr">
              <a:spAutoFit/>
            </a:bodyPr>
            <a:lstStyle/>
            <a:p>
              <a:pPr algn="ctr"/>
              <a:r>
                <a:rPr lang="he-IL" b="1" dirty="0" smtClean="0">
                  <a:solidFill>
                    <a:prstClr val="white"/>
                  </a:solidFill>
                  <a:effectLst>
                    <a:glow rad="228600">
                      <a:srgbClr val="0F6FC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769</a:t>
              </a:r>
            </a:p>
            <a:p>
              <a:pPr algn="ctr"/>
              <a:r>
                <a:rPr lang="en-US" b="1" dirty="0" smtClean="0">
                  <a:solidFill>
                    <a:prstClr val="white"/>
                  </a:solidFill>
                  <a:effectLst>
                    <a:glow rad="228600">
                      <a:srgbClr val="0F6FC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b="1" dirty="0">
                <a:solidFill>
                  <a:prstClr val="white"/>
                </a:solidFill>
                <a:effectLst>
                  <a:glow rad="228600">
                    <a:srgbClr val="0F6FC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31" name="TextBox 30"/>
          <p:cNvSpPr txBox="1"/>
          <p:nvPr/>
        </p:nvSpPr>
        <p:spPr>
          <a:xfrm>
            <a:off x="-187777" y="3167425"/>
            <a:ext cx="2620768" cy="584775"/>
          </a:xfrm>
          <a:prstGeom prst="rect">
            <a:avLst/>
          </a:prstGeom>
          <a:noFill/>
        </p:spPr>
        <p:txBody>
          <a:bodyPr wrap="square" rtlCol="1">
            <a:spAutoFit/>
          </a:bodyPr>
          <a:lstStyle/>
          <a:p>
            <a:pPr algn="ctr" rtl="0"/>
            <a:r>
              <a:rPr lang="en-US" sz="1600" b="1" dirty="0" smtClean="0">
                <a:solidFill>
                  <a:srgbClr val="0070C0"/>
                </a:solidFill>
                <a:cs typeface="Guttman Hatzvi" panose="02010401010101010101" pitchFamily="2" charset="-79"/>
              </a:rPr>
              <a:t>91 Division Commander</a:t>
            </a:r>
            <a:r>
              <a:rPr lang="he-IL" sz="1600" b="1" dirty="0" smtClean="0">
                <a:solidFill>
                  <a:srgbClr val="0070C0"/>
                </a:solidFill>
                <a:effectLst/>
                <a:cs typeface="Guttman Hatzvi" panose="02010401010101010101" pitchFamily="2" charset="-79"/>
              </a:rPr>
              <a:t> </a:t>
            </a:r>
          </a:p>
          <a:p>
            <a:pPr algn="ctr" rtl="0"/>
            <a:r>
              <a:rPr lang="en-US" sz="1600" dirty="0" smtClean="0">
                <a:solidFill>
                  <a:srgbClr val="0070C0"/>
                </a:solidFill>
                <a:effectLst/>
                <a:cs typeface="Guttman Hatzvi" panose="02010401010101010101" pitchFamily="2" charset="-79"/>
              </a:rPr>
              <a:t>BG Rafi Milo</a:t>
            </a:r>
            <a:endParaRPr lang="he-IL" sz="1600" dirty="0" smtClean="0">
              <a:solidFill>
                <a:srgbClr val="0070C0"/>
              </a:solidFill>
              <a:effectLst/>
              <a:cs typeface="Guttman Hatzvi" panose="02010401010101010101" pitchFamily="2" charset="-79"/>
            </a:endParaRPr>
          </a:p>
        </p:txBody>
      </p:sp>
      <p:sp>
        <p:nvSpPr>
          <p:cNvPr id="32" name="TextBox 31"/>
          <p:cNvSpPr txBox="1"/>
          <p:nvPr/>
        </p:nvSpPr>
        <p:spPr>
          <a:xfrm>
            <a:off x="6355548" y="1718473"/>
            <a:ext cx="2589788" cy="584775"/>
          </a:xfrm>
          <a:prstGeom prst="rect">
            <a:avLst/>
          </a:prstGeom>
          <a:noFill/>
        </p:spPr>
        <p:txBody>
          <a:bodyPr wrap="square" rtlCol="1">
            <a:spAutoFit/>
          </a:bodyPr>
          <a:lstStyle/>
          <a:p>
            <a:pPr algn="ctr"/>
            <a:r>
              <a:rPr lang="en-US" sz="1600" b="1" dirty="0" smtClean="0">
                <a:solidFill>
                  <a:srgbClr val="0070C0"/>
                </a:solidFill>
                <a:effectLst/>
                <a:cs typeface="Guttman Hatzvi" panose="02010401010101010101" pitchFamily="2" charset="-79"/>
              </a:rPr>
              <a:t>210 Division</a:t>
            </a:r>
            <a:r>
              <a:rPr lang="en-US" sz="1600" b="1" dirty="0" smtClean="0">
                <a:solidFill>
                  <a:srgbClr val="0070C0"/>
                </a:solidFill>
                <a:cs typeface="Guttman Hatzvi" panose="02010401010101010101" pitchFamily="2" charset="-79"/>
              </a:rPr>
              <a:t> Commander</a:t>
            </a:r>
          </a:p>
          <a:p>
            <a:pPr algn="ctr"/>
            <a:r>
              <a:rPr lang="en-US" sz="1600" dirty="0" smtClean="0">
                <a:solidFill>
                  <a:srgbClr val="0070C0"/>
                </a:solidFill>
                <a:effectLst/>
                <a:cs typeface="Guttman Hatzvi" panose="02010401010101010101" pitchFamily="2" charset="-79"/>
              </a:rPr>
              <a:t>BG Amit Fisher</a:t>
            </a:r>
            <a:endParaRPr lang="he-IL" sz="1600" dirty="0" smtClean="0">
              <a:solidFill>
                <a:srgbClr val="0070C0"/>
              </a:solidFill>
              <a:effectLst/>
              <a:cs typeface="Guttman Hatzvi" panose="02010401010101010101" pitchFamily="2" charset="-79"/>
            </a:endParaRPr>
          </a:p>
        </p:txBody>
      </p:sp>
      <p:sp>
        <p:nvSpPr>
          <p:cNvPr id="33" name="מלבן 32"/>
          <p:cNvSpPr/>
          <p:nvPr/>
        </p:nvSpPr>
        <p:spPr>
          <a:xfrm>
            <a:off x="1" y="0"/>
            <a:ext cx="9144000" cy="756481"/>
          </a:xfrm>
          <a:prstGeom prst="rect">
            <a:avLst/>
          </a:prstGeom>
        </p:spPr>
        <p:txBody>
          <a:bodyPr wrap="square" anchor="ctr">
            <a:noAutofit/>
          </a:bodyPr>
          <a:lstStyle/>
          <a:p>
            <a:pPr algn="ctr">
              <a:spcBef>
                <a:spcPct val="0"/>
              </a:spcBef>
            </a:pPr>
            <a:r>
              <a:rPr lang="en-US" sz="2800" b="1" dirty="0" smtClean="0">
                <a:ea typeface="+mj-ea"/>
                <a:cs typeface="Guttman Hatzvi" panose="02010401010101010101" pitchFamily="2" charset="-79"/>
              </a:rPr>
              <a:t>Northern Command</a:t>
            </a:r>
            <a:endParaRPr lang="he-IL" sz="2800" b="1" dirty="0">
              <a:ea typeface="+mj-ea"/>
              <a:cs typeface="Guttman Hatzvi" panose="02010401010101010101" pitchFamily="2" charset="-79"/>
            </a:endParaRPr>
          </a:p>
        </p:txBody>
      </p:sp>
      <p:pic>
        <p:nvPicPr>
          <p:cNvPr id="2" name="תמונה 1"/>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5436096" y="942516"/>
            <a:ext cx="589932" cy="589932"/>
          </a:xfrm>
          <a:prstGeom prst="rect">
            <a:avLst/>
          </a:prstGeom>
        </p:spPr>
      </p:pic>
      <p:pic>
        <p:nvPicPr>
          <p:cNvPr id="7" name="תמונה 6"/>
          <p:cNvPicPr>
            <a:picLocks noChangeAspect="1"/>
          </p:cNvPicPr>
          <p:nvPr/>
        </p:nvPicPr>
        <p:blipFill>
          <a:blip r:embed="rId6" cstate="print">
            <a:extLst>
              <a:ext uri="{28A0092B-C50C-407E-A947-70E740481C1C}">
                <a14:useLocalDpi xmlns:a14="http://schemas.microsoft.com/office/drawing/2010/main" val="0"/>
              </a:ext>
            </a:extLst>
          </a:blip>
          <a:stretch>
            <a:fillRect/>
          </a:stretch>
        </p:blipFill>
        <p:spPr>
          <a:xfrm>
            <a:off x="2110965" y="3176437"/>
            <a:ext cx="404998" cy="549416"/>
          </a:xfrm>
          <a:prstGeom prst="rect">
            <a:avLst/>
          </a:prstGeom>
        </p:spPr>
      </p:pic>
      <p:pic>
        <p:nvPicPr>
          <p:cNvPr id="10" name="תמונה 9"/>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8739114" y="1743698"/>
            <a:ext cx="385836" cy="534324"/>
          </a:xfrm>
          <a:prstGeom prst="rect">
            <a:avLst/>
          </a:prstGeom>
        </p:spPr>
      </p:pic>
    </p:spTree>
    <p:extLst>
      <p:ext uri="{BB962C8B-B14F-4D97-AF65-F5344CB8AC3E}">
        <p14:creationId xmlns:p14="http://schemas.microsoft.com/office/powerpoint/2010/main" val="4018720286"/>
      </p:ext>
    </p:extLst>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12" name="קבוצה 11"/>
          <p:cNvGrpSpPr/>
          <p:nvPr/>
        </p:nvGrpSpPr>
        <p:grpSpPr>
          <a:xfrm>
            <a:off x="3317881" y="1628800"/>
            <a:ext cx="2513095" cy="4691085"/>
            <a:chOff x="3326846" y="1628800"/>
            <a:chExt cx="2513095" cy="4691085"/>
          </a:xfrm>
        </p:grpSpPr>
        <p:pic>
          <p:nvPicPr>
            <p:cNvPr id="7" name="Picture 6"/>
            <p:cNvPicPr>
              <a:picLocks noChangeAspect="1" noChangeArrowheads="1"/>
            </p:cNvPicPr>
            <p:nvPr/>
          </p:nvPicPr>
          <p:blipFill>
            <a:blip r:embed="rId2" cstate="email">
              <a:lum bright="-44000" contrast="56000"/>
            </a:blip>
            <a:srcRect/>
            <a:stretch>
              <a:fillRect/>
            </a:stretch>
          </p:blipFill>
          <p:spPr bwMode="auto">
            <a:xfrm>
              <a:off x="3326846" y="1628800"/>
              <a:ext cx="2506562" cy="4691085"/>
            </a:xfrm>
            <a:prstGeom prst="rect">
              <a:avLst/>
            </a:prstGeom>
            <a:noFill/>
            <a:ln w="19050">
              <a:solidFill>
                <a:schemeClr val="tx1"/>
              </a:solidFill>
            </a:ln>
          </p:spPr>
        </p:pic>
        <p:sp>
          <p:nvSpPr>
            <p:cNvPr id="9" name="צורה חופשית 8"/>
            <p:cNvSpPr/>
            <p:nvPr/>
          </p:nvSpPr>
          <p:spPr>
            <a:xfrm>
              <a:off x="3339940" y="1763199"/>
              <a:ext cx="2081945" cy="4395653"/>
            </a:xfrm>
            <a:custGeom>
              <a:avLst/>
              <a:gdLst>
                <a:gd name="connsiteX0" fmla="*/ 368489 w 2169994"/>
                <a:gd name="connsiteY0" fmla="*/ 2756848 h 2811439"/>
                <a:gd name="connsiteX1" fmla="*/ 1105468 w 2169994"/>
                <a:gd name="connsiteY1" fmla="*/ 2756848 h 2811439"/>
                <a:gd name="connsiteX2" fmla="*/ 1460310 w 2169994"/>
                <a:gd name="connsiteY2" fmla="*/ 2456597 h 2811439"/>
                <a:gd name="connsiteX3" fmla="*/ 1596788 w 2169994"/>
                <a:gd name="connsiteY3" fmla="*/ 2019868 h 2811439"/>
                <a:gd name="connsiteX4" fmla="*/ 1719618 w 2169994"/>
                <a:gd name="connsiteY4" fmla="*/ 1719618 h 2811439"/>
                <a:gd name="connsiteX5" fmla="*/ 1665027 w 2169994"/>
                <a:gd name="connsiteY5" fmla="*/ 1487606 h 2811439"/>
                <a:gd name="connsiteX6" fmla="*/ 1828800 w 2169994"/>
                <a:gd name="connsiteY6" fmla="*/ 1241946 h 2811439"/>
                <a:gd name="connsiteX7" fmla="*/ 2019868 w 2169994"/>
                <a:gd name="connsiteY7" fmla="*/ 887104 h 2811439"/>
                <a:gd name="connsiteX8" fmla="*/ 2115403 w 2169994"/>
                <a:gd name="connsiteY8" fmla="*/ 504967 h 2811439"/>
                <a:gd name="connsiteX9" fmla="*/ 2169994 w 2169994"/>
                <a:gd name="connsiteY9" fmla="*/ 327546 h 2811439"/>
                <a:gd name="connsiteX10" fmla="*/ 1978925 w 2169994"/>
                <a:gd name="connsiteY10" fmla="*/ 136477 h 2811439"/>
                <a:gd name="connsiteX11" fmla="*/ 1665027 w 2169994"/>
                <a:gd name="connsiteY11" fmla="*/ 54591 h 2811439"/>
                <a:gd name="connsiteX12" fmla="*/ 1160059 w 2169994"/>
                <a:gd name="connsiteY12" fmla="*/ 0 h 2811439"/>
                <a:gd name="connsiteX13" fmla="*/ 777922 w 2169994"/>
                <a:gd name="connsiteY13" fmla="*/ 177421 h 2811439"/>
                <a:gd name="connsiteX14" fmla="*/ 532262 w 2169994"/>
                <a:gd name="connsiteY14" fmla="*/ 518615 h 2811439"/>
                <a:gd name="connsiteX15" fmla="*/ 382137 w 2169994"/>
                <a:gd name="connsiteY15" fmla="*/ 968991 h 2811439"/>
                <a:gd name="connsiteX16" fmla="*/ 464024 w 2169994"/>
                <a:gd name="connsiteY16" fmla="*/ 1310185 h 2811439"/>
                <a:gd name="connsiteX17" fmla="*/ 436728 w 2169994"/>
                <a:gd name="connsiteY17" fmla="*/ 1569492 h 2811439"/>
                <a:gd name="connsiteX18" fmla="*/ 818865 w 2169994"/>
                <a:gd name="connsiteY18" fmla="*/ 1692322 h 2811439"/>
                <a:gd name="connsiteX19" fmla="*/ 887104 w 2169994"/>
                <a:gd name="connsiteY19" fmla="*/ 1801504 h 2811439"/>
                <a:gd name="connsiteX20" fmla="*/ 464024 w 2169994"/>
                <a:gd name="connsiteY20" fmla="*/ 1815152 h 2811439"/>
                <a:gd name="connsiteX21" fmla="*/ 232012 w 2169994"/>
                <a:gd name="connsiteY21" fmla="*/ 2006221 h 2811439"/>
                <a:gd name="connsiteX22" fmla="*/ 54591 w 2169994"/>
                <a:gd name="connsiteY22" fmla="*/ 2265528 h 2811439"/>
                <a:gd name="connsiteX23" fmla="*/ 0 w 2169994"/>
                <a:gd name="connsiteY23" fmla="*/ 2606722 h 2811439"/>
                <a:gd name="connsiteX24" fmla="*/ 163773 w 2169994"/>
                <a:gd name="connsiteY24" fmla="*/ 2811439 h 2811439"/>
                <a:gd name="connsiteX25" fmla="*/ 368489 w 2169994"/>
                <a:gd name="connsiteY25" fmla="*/ 2756848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2169994" h="2811439">
                  <a:moveTo>
                    <a:pt x="368489" y="2756848"/>
                  </a:moveTo>
                  <a:lnTo>
                    <a:pt x="1105468" y="2756848"/>
                  </a:lnTo>
                  <a:lnTo>
                    <a:pt x="1460310" y="2456597"/>
                  </a:lnTo>
                  <a:lnTo>
                    <a:pt x="1596788" y="2019868"/>
                  </a:lnTo>
                  <a:lnTo>
                    <a:pt x="1719618" y="1719618"/>
                  </a:lnTo>
                  <a:lnTo>
                    <a:pt x="1665027" y="1487606"/>
                  </a:lnTo>
                  <a:lnTo>
                    <a:pt x="1828800" y="1241946"/>
                  </a:lnTo>
                  <a:lnTo>
                    <a:pt x="2019868" y="887104"/>
                  </a:lnTo>
                  <a:lnTo>
                    <a:pt x="2115403" y="504967"/>
                  </a:lnTo>
                  <a:lnTo>
                    <a:pt x="2169994" y="327546"/>
                  </a:lnTo>
                  <a:lnTo>
                    <a:pt x="1978925" y="136477"/>
                  </a:lnTo>
                  <a:lnTo>
                    <a:pt x="1665027" y="54591"/>
                  </a:lnTo>
                  <a:lnTo>
                    <a:pt x="1160059" y="0"/>
                  </a:lnTo>
                  <a:lnTo>
                    <a:pt x="777922" y="177421"/>
                  </a:lnTo>
                  <a:lnTo>
                    <a:pt x="532262" y="518615"/>
                  </a:lnTo>
                  <a:lnTo>
                    <a:pt x="382137" y="968991"/>
                  </a:lnTo>
                  <a:lnTo>
                    <a:pt x="464024" y="1310185"/>
                  </a:lnTo>
                  <a:lnTo>
                    <a:pt x="436728" y="1569492"/>
                  </a:lnTo>
                  <a:lnTo>
                    <a:pt x="818865" y="1692322"/>
                  </a:lnTo>
                  <a:lnTo>
                    <a:pt x="887104" y="1801504"/>
                  </a:lnTo>
                  <a:lnTo>
                    <a:pt x="464024" y="1815152"/>
                  </a:lnTo>
                  <a:lnTo>
                    <a:pt x="232012" y="2006221"/>
                  </a:lnTo>
                  <a:lnTo>
                    <a:pt x="54591" y="2265528"/>
                  </a:lnTo>
                  <a:lnTo>
                    <a:pt x="0" y="2606722"/>
                  </a:lnTo>
                  <a:lnTo>
                    <a:pt x="163773" y="2811439"/>
                  </a:lnTo>
                  <a:lnTo>
                    <a:pt x="368489" y="2756848"/>
                  </a:lnTo>
                  <a:close/>
                </a:path>
              </a:pathLst>
            </a:custGeom>
            <a:solidFill>
              <a:srgbClr val="7030A0">
                <a:alpha val="33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11" name="צורה חופשית 10"/>
            <p:cNvSpPr/>
            <p:nvPr/>
          </p:nvSpPr>
          <p:spPr>
            <a:xfrm>
              <a:off x="4701715" y="1720522"/>
              <a:ext cx="1021331" cy="4395653"/>
            </a:xfrm>
            <a:custGeom>
              <a:avLst/>
              <a:gdLst>
                <a:gd name="connsiteX0" fmla="*/ 423081 w 1064525"/>
                <a:gd name="connsiteY0" fmla="*/ 2811439 h 2811439"/>
                <a:gd name="connsiteX1" fmla="*/ 682388 w 1064525"/>
                <a:gd name="connsiteY1" fmla="*/ 2661314 h 2811439"/>
                <a:gd name="connsiteX2" fmla="*/ 791570 w 1064525"/>
                <a:gd name="connsiteY2" fmla="*/ 2442949 h 2811439"/>
                <a:gd name="connsiteX3" fmla="*/ 764275 w 1064525"/>
                <a:gd name="connsiteY3" fmla="*/ 2156346 h 2811439"/>
                <a:gd name="connsiteX4" fmla="*/ 791570 w 1064525"/>
                <a:gd name="connsiteY4" fmla="*/ 1978926 h 2811439"/>
                <a:gd name="connsiteX5" fmla="*/ 996286 w 1064525"/>
                <a:gd name="connsiteY5" fmla="*/ 1665027 h 2811439"/>
                <a:gd name="connsiteX6" fmla="*/ 832513 w 1064525"/>
                <a:gd name="connsiteY6" fmla="*/ 1269242 h 2811439"/>
                <a:gd name="connsiteX7" fmla="*/ 859809 w 1064525"/>
                <a:gd name="connsiteY7" fmla="*/ 1119117 h 2811439"/>
                <a:gd name="connsiteX8" fmla="*/ 1009934 w 1064525"/>
                <a:gd name="connsiteY8" fmla="*/ 914400 h 2811439"/>
                <a:gd name="connsiteX9" fmla="*/ 996286 w 1064525"/>
                <a:gd name="connsiteY9" fmla="*/ 750627 h 2811439"/>
                <a:gd name="connsiteX10" fmla="*/ 914400 w 1064525"/>
                <a:gd name="connsiteY10" fmla="*/ 586854 h 2811439"/>
                <a:gd name="connsiteX11" fmla="*/ 941695 w 1064525"/>
                <a:gd name="connsiteY11" fmla="*/ 272955 h 2811439"/>
                <a:gd name="connsiteX12" fmla="*/ 1064525 w 1064525"/>
                <a:gd name="connsiteY12" fmla="*/ 54591 h 2811439"/>
                <a:gd name="connsiteX13" fmla="*/ 900752 w 1064525"/>
                <a:gd name="connsiteY13" fmla="*/ 0 h 2811439"/>
                <a:gd name="connsiteX14" fmla="*/ 723331 w 1064525"/>
                <a:gd name="connsiteY14" fmla="*/ 150126 h 2811439"/>
                <a:gd name="connsiteX15" fmla="*/ 818866 w 1064525"/>
                <a:gd name="connsiteY15" fmla="*/ 382138 h 2811439"/>
                <a:gd name="connsiteX16" fmla="*/ 545910 w 1064525"/>
                <a:gd name="connsiteY16" fmla="*/ 1201003 h 2811439"/>
                <a:gd name="connsiteX17" fmla="*/ 368489 w 1064525"/>
                <a:gd name="connsiteY17" fmla="*/ 1392072 h 2811439"/>
                <a:gd name="connsiteX18" fmla="*/ 272955 w 1064525"/>
                <a:gd name="connsiteY18" fmla="*/ 1542197 h 2811439"/>
                <a:gd name="connsiteX19" fmla="*/ 368489 w 1064525"/>
                <a:gd name="connsiteY19" fmla="*/ 1733266 h 2811439"/>
                <a:gd name="connsiteX20" fmla="*/ 0 w 1064525"/>
                <a:gd name="connsiteY20" fmla="*/ 2620370 h 2811439"/>
                <a:gd name="connsiteX21" fmla="*/ 327546 w 1064525"/>
                <a:gd name="connsiteY21" fmla="*/ 2797791 h 2811439"/>
                <a:gd name="connsiteX22" fmla="*/ 423081 w 1064525"/>
                <a:gd name="connsiteY22" fmla="*/ 2811439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1064525" h="2811439">
                  <a:moveTo>
                    <a:pt x="423081" y="2811439"/>
                  </a:moveTo>
                  <a:lnTo>
                    <a:pt x="682388" y="2661314"/>
                  </a:lnTo>
                  <a:lnTo>
                    <a:pt x="791570" y="2442949"/>
                  </a:lnTo>
                  <a:lnTo>
                    <a:pt x="764275" y="2156346"/>
                  </a:lnTo>
                  <a:lnTo>
                    <a:pt x="791570" y="1978926"/>
                  </a:lnTo>
                  <a:lnTo>
                    <a:pt x="996286" y="1665027"/>
                  </a:lnTo>
                  <a:lnTo>
                    <a:pt x="832513" y="1269242"/>
                  </a:lnTo>
                  <a:lnTo>
                    <a:pt x="859809" y="1119117"/>
                  </a:lnTo>
                  <a:lnTo>
                    <a:pt x="1009934" y="914400"/>
                  </a:lnTo>
                  <a:lnTo>
                    <a:pt x="996286" y="750627"/>
                  </a:lnTo>
                  <a:lnTo>
                    <a:pt x="914400" y="586854"/>
                  </a:lnTo>
                  <a:lnTo>
                    <a:pt x="941695" y="272955"/>
                  </a:lnTo>
                  <a:lnTo>
                    <a:pt x="1064525" y="54591"/>
                  </a:lnTo>
                  <a:lnTo>
                    <a:pt x="900752" y="0"/>
                  </a:lnTo>
                  <a:lnTo>
                    <a:pt x="723331" y="150126"/>
                  </a:lnTo>
                  <a:lnTo>
                    <a:pt x="818866" y="382138"/>
                  </a:lnTo>
                  <a:lnTo>
                    <a:pt x="545910" y="1201003"/>
                  </a:lnTo>
                  <a:lnTo>
                    <a:pt x="368489" y="1392072"/>
                  </a:lnTo>
                  <a:lnTo>
                    <a:pt x="272955" y="1542197"/>
                  </a:lnTo>
                  <a:lnTo>
                    <a:pt x="368489" y="1733266"/>
                  </a:lnTo>
                  <a:lnTo>
                    <a:pt x="0" y="2620370"/>
                  </a:lnTo>
                  <a:lnTo>
                    <a:pt x="327546" y="2797791"/>
                  </a:lnTo>
                  <a:lnTo>
                    <a:pt x="423081" y="2811439"/>
                  </a:lnTo>
                  <a:close/>
                </a:path>
              </a:pathLst>
            </a:custGeom>
            <a:solidFill>
              <a:srgbClr val="00B0F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6" name="TextBox 25"/>
            <p:cNvSpPr txBox="1"/>
            <p:nvPr/>
          </p:nvSpPr>
          <p:spPr>
            <a:xfrm>
              <a:off x="3669512" y="2945043"/>
              <a:ext cx="1233708" cy="646331"/>
            </a:xfrm>
            <a:prstGeom prst="rect">
              <a:avLst/>
            </a:prstGeom>
            <a:noFill/>
          </p:spPr>
          <p:txBody>
            <a:bodyPr wrap="square" rtlCol="1" anchor="ctr">
              <a:spAutoFit/>
            </a:bodyPr>
            <a:lstStyle/>
            <a:p>
              <a:pPr algn="ctr"/>
              <a:r>
                <a:rPr lang="he-IL" b="1" dirty="0" smtClean="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877</a:t>
              </a:r>
            </a:p>
            <a:p>
              <a:pPr algn="ctr"/>
              <a:r>
                <a:rPr lang="en-US" b="1" dirty="0" smtClean="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Division</a:t>
              </a:r>
              <a:endParaRPr lang="he-IL" b="1" dirty="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29" name="TextBox 28"/>
            <p:cNvSpPr txBox="1"/>
            <p:nvPr/>
          </p:nvSpPr>
          <p:spPr>
            <a:xfrm>
              <a:off x="4606233" y="4741774"/>
              <a:ext cx="1233708" cy="646331"/>
            </a:xfrm>
            <a:prstGeom prst="rect">
              <a:avLst/>
            </a:prstGeom>
            <a:noFill/>
          </p:spPr>
          <p:txBody>
            <a:bodyPr wrap="square" rtlCol="1" anchor="ctr">
              <a:spAutoFit/>
            </a:bodyPr>
            <a:lstStyle/>
            <a:p>
              <a:pPr algn="ctr"/>
              <a:r>
                <a:rPr lang="he-IL" b="1" dirty="0" smtClean="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417</a:t>
              </a:r>
            </a:p>
            <a:p>
              <a:pPr algn="ctr"/>
              <a:r>
                <a:rPr lang="en-US" b="1" dirty="0" smtClean="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b="1" dirty="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13" name="TextBox 12"/>
          <p:cNvSpPr txBox="1"/>
          <p:nvPr/>
        </p:nvSpPr>
        <p:spPr>
          <a:xfrm>
            <a:off x="3290174" y="1024769"/>
            <a:ext cx="2513094" cy="584775"/>
          </a:xfrm>
          <a:prstGeom prst="rect">
            <a:avLst/>
          </a:prstGeom>
          <a:noFill/>
        </p:spPr>
        <p:txBody>
          <a:bodyPr wrap="square" rtlCol="1">
            <a:spAutoFit/>
          </a:bodyPr>
          <a:lstStyle/>
          <a:p>
            <a:pPr algn="ctr" rtl="0"/>
            <a:r>
              <a:rPr lang="en-US" sz="1600" b="1" dirty="0">
                <a:solidFill>
                  <a:srgbClr val="0070C0"/>
                </a:solidFill>
                <a:cs typeface="Guttman Hatzvi" panose="02010401010101010101" pitchFamily="2" charset="-79"/>
              </a:rPr>
              <a:t>Commander:</a:t>
            </a:r>
            <a:r>
              <a:rPr lang="he-IL" sz="1600" b="1" dirty="0">
                <a:solidFill>
                  <a:srgbClr val="0070C0"/>
                </a:solidFill>
                <a:cs typeface="Guttman Hatzvi" panose="02010401010101010101" pitchFamily="2" charset="-79"/>
              </a:rPr>
              <a:t> </a:t>
            </a:r>
          </a:p>
          <a:p>
            <a:pPr algn="ctr" rtl="0"/>
            <a:r>
              <a:rPr lang="en-US" sz="1600" dirty="0">
                <a:solidFill>
                  <a:srgbClr val="0070C0"/>
                </a:solidFill>
                <a:cs typeface="Guttman Hatzvi" panose="02010401010101010101" pitchFamily="2" charset="-79"/>
              </a:rPr>
              <a:t>MG </a:t>
            </a:r>
            <a:r>
              <a:rPr lang="en-US" sz="1600" dirty="0" err="1" smtClean="0">
                <a:solidFill>
                  <a:srgbClr val="0070C0"/>
                </a:solidFill>
                <a:cs typeface="Guttman Hatzvi" panose="02010401010101010101" pitchFamily="2" charset="-79"/>
              </a:rPr>
              <a:t>Nadav</a:t>
            </a:r>
            <a:r>
              <a:rPr lang="en-US" sz="1600" dirty="0" smtClean="0">
                <a:solidFill>
                  <a:srgbClr val="0070C0"/>
                </a:solidFill>
                <a:cs typeface="Guttman Hatzvi" panose="02010401010101010101" pitchFamily="2" charset="-79"/>
              </a:rPr>
              <a:t> </a:t>
            </a:r>
            <a:r>
              <a:rPr lang="en-US" sz="1600" dirty="0" err="1" smtClean="0">
                <a:solidFill>
                  <a:srgbClr val="0070C0"/>
                </a:solidFill>
                <a:cs typeface="Guttman Hatzvi" panose="02010401010101010101" pitchFamily="2" charset="-79"/>
              </a:rPr>
              <a:t>Padan</a:t>
            </a:r>
            <a:endParaRPr lang="he-IL" sz="1600" dirty="0">
              <a:solidFill>
                <a:srgbClr val="0070C0"/>
              </a:solidFill>
              <a:cs typeface="Guttman Hatzvi" panose="02010401010101010101" pitchFamily="2" charset="-79"/>
            </a:endParaRPr>
          </a:p>
        </p:txBody>
      </p:sp>
      <p:grpSp>
        <p:nvGrpSpPr>
          <p:cNvPr id="8" name="קבוצה 7"/>
          <p:cNvGrpSpPr/>
          <p:nvPr/>
        </p:nvGrpSpPr>
        <p:grpSpPr>
          <a:xfrm>
            <a:off x="6335126" y="1881187"/>
            <a:ext cx="2609972" cy="4691085"/>
            <a:chOff x="6335126" y="1881187"/>
            <a:chExt cx="2609972" cy="4691085"/>
          </a:xfrm>
        </p:grpSpPr>
        <p:pic>
          <p:nvPicPr>
            <p:cNvPr id="17" name="Picture 6"/>
            <p:cNvPicPr>
              <a:picLocks noChangeAspect="1" noChangeArrowheads="1"/>
            </p:cNvPicPr>
            <p:nvPr/>
          </p:nvPicPr>
          <p:blipFill>
            <a:blip r:embed="rId2" cstate="email">
              <a:lum bright="-44000" contrast="56000"/>
            </a:blip>
            <a:srcRect/>
            <a:stretch>
              <a:fillRect/>
            </a:stretch>
          </p:blipFill>
          <p:spPr bwMode="auto">
            <a:xfrm>
              <a:off x="6335126" y="1881187"/>
              <a:ext cx="2510632" cy="4691085"/>
            </a:xfrm>
            <a:prstGeom prst="rect">
              <a:avLst/>
            </a:prstGeom>
            <a:noFill/>
            <a:ln w="19050">
              <a:solidFill>
                <a:schemeClr val="tx1"/>
              </a:solidFill>
            </a:ln>
          </p:spPr>
        </p:pic>
        <p:sp>
          <p:nvSpPr>
            <p:cNvPr id="18" name="צורה חופשית 17"/>
            <p:cNvSpPr/>
            <p:nvPr/>
          </p:nvSpPr>
          <p:spPr>
            <a:xfrm>
              <a:off x="7712228" y="1972909"/>
              <a:ext cx="1022989" cy="4395653"/>
            </a:xfrm>
            <a:custGeom>
              <a:avLst/>
              <a:gdLst>
                <a:gd name="connsiteX0" fmla="*/ 423081 w 1064525"/>
                <a:gd name="connsiteY0" fmla="*/ 2811439 h 2811439"/>
                <a:gd name="connsiteX1" fmla="*/ 682388 w 1064525"/>
                <a:gd name="connsiteY1" fmla="*/ 2661314 h 2811439"/>
                <a:gd name="connsiteX2" fmla="*/ 791570 w 1064525"/>
                <a:gd name="connsiteY2" fmla="*/ 2442949 h 2811439"/>
                <a:gd name="connsiteX3" fmla="*/ 764275 w 1064525"/>
                <a:gd name="connsiteY3" fmla="*/ 2156346 h 2811439"/>
                <a:gd name="connsiteX4" fmla="*/ 791570 w 1064525"/>
                <a:gd name="connsiteY4" fmla="*/ 1978926 h 2811439"/>
                <a:gd name="connsiteX5" fmla="*/ 996286 w 1064525"/>
                <a:gd name="connsiteY5" fmla="*/ 1665027 h 2811439"/>
                <a:gd name="connsiteX6" fmla="*/ 832513 w 1064525"/>
                <a:gd name="connsiteY6" fmla="*/ 1269242 h 2811439"/>
                <a:gd name="connsiteX7" fmla="*/ 859809 w 1064525"/>
                <a:gd name="connsiteY7" fmla="*/ 1119117 h 2811439"/>
                <a:gd name="connsiteX8" fmla="*/ 1009934 w 1064525"/>
                <a:gd name="connsiteY8" fmla="*/ 914400 h 2811439"/>
                <a:gd name="connsiteX9" fmla="*/ 996286 w 1064525"/>
                <a:gd name="connsiteY9" fmla="*/ 750627 h 2811439"/>
                <a:gd name="connsiteX10" fmla="*/ 914400 w 1064525"/>
                <a:gd name="connsiteY10" fmla="*/ 586854 h 2811439"/>
                <a:gd name="connsiteX11" fmla="*/ 941695 w 1064525"/>
                <a:gd name="connsiteY11" fmla="*/ 272955 h 2811439"/>
                <a:gd name="connsiteX12" fmla="*/ 1064525 w 1064525"/>
                <a:gd name="connsiteY12" fmla="*/ 54591 h 2811439"/>
                <a:gd name="connsiteX13" fmla="*/ 900752 w 1064525"/>
                <a:gd name="connsiteY13" fmla="*/ 0 h 2811439"/>
                <a:gd name="connsiteX14" fmla="*/ 723331 w 1064525"/>
                <a:gd name="connsiteY14" fmla="*/ 150126 h 2811439"/>
                <a:gd name="connsiteX15" fmla="*/ 818866 w 1064525"/>
                <a:gd name="connsiteY15" fmla="*/ 382138 h 2811439"/>
                <a:gd name="connsiteX16" fmla="*/ 545910 w 1064525"/>
                <a:gd name="connsiteY16" fmla="*/ 1201003 h 2811439"/>
                <a:gd name="connsiteX17" fmla="*/ 368489 w 1064525"/>
                <a:gd name="connsiteY17" fmla="*/ 1392072 h 2811439"/>
                <a:gd name="connsiteX18" fmla="*/ 272955 w 1064525"/>
                <a:gd name="connsiteY18" fmla="*/ 1542197 h 2811439"/>
                <a:gd name="connsiteX19" fmla="*/ 368489 w 1064525"/>
                <a:gd name="connsiteY19" fmla="*/ 1733266 h 2811439"/>
                <a:gd name="connsiteX20" fmla="*/ 0 w 1064525"/>
                <a:gd name="connsiteY20" fmla="*/ 2620370 h 2811439"/>
                <a:gd name="connsiteX21" fmla="*/ 327546 w 1064525"/>
                <a:gd name="connsiteY21" fmla="*/ 2797791 h 2811439"/>
                <a:gd name="connsiteX22" fmla="*/ 423081 w 1064525"/>
                <a:gd name="connsiteY22" fmla="*/ 2811439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Lst>
              <a:rect l="l" t="t" r="r" b="b"/>
              <a:pathLst>
                <a:path w="1064525" h="2811439">
                  <a:moveTo>
                    <a:pt x="423081" y="2811439"/>
                  </a:moveTo>
                  <a:lnTo>
                    <a:pt x="682388" y="2661314"/>
                  </a:lnTo>
                  <a:lnTo>
                    <a:pt x="791570" y="2442949"/>
                  </a:lnTo>
                  <a:lnTo>
                    <a:pt x="764275" y="2156346"/>
                  </a:lnTo>
                  <a:lnTo>
                    <a:pt x="791570" y="1978926"/>
                  </a:lnTo>
                  <a:lnTo>
                    <a:pt x="996286" y="1665027"/>
                  </a:lnTo>
                  <a:lnTo>
                    <a:pt x="832513" y="1269242"/>
                  </a:lnTo>
                  <a:lnTo>
                    <a:pt x="859809" y="1119117"/>
                  </a:lnTo>
                  <a:lnTo>
                    <a:pt x="1009934" y="914400"/>
                  </a:lnTo>
                  <a:lnTo>
                    <a:pt x="996286" y="750627"/>
                  </a:lnTo>
                  <a:lnTo>
                    <a:pt x="914400" y="586854"/>
                  </a:lnTo>
                  <a:lnTo>
                    <a:pt x="941695" y="272955"/>
                  </a:lnTo>
                  <a:lnTo>
                    <a:pt x="1064525" y="54591"/>
                  </a:lnTo>
                  <a:lnTo>
                    <a:pt x="900752" y="0"/>
                  </a:lnTo>
                  <a:lnTo>
                    <a:pt x="723331" y="150126"/>
                  </a:lnTo>
                  <a:lnTo>
                    <a:pt x="818866" y="382138"/>
                  </a:lnTo>
                  <a:lnTo>
                    <a:pt x="545910" y="1201003"/>
                  </a:lnTo>
                  <a:lnTo>
                    <a:pt x="368489" y="1392072"/>
                  </a:lnTo>
                  <a:lnTo>
                    <a:pt x="272955" y="1542197"/>
                  </a:lnTo>
                  <a:lnTo>
                    <a:pt x="368489" y="1733266"/>
                  </a:lnTo>
                  <a:lnTo>
                    <a:pt x="0" y="2620370"/>
                  </a:lnTo>
                  <a:lnTo>
                    <a:pt x="327546" y="2797791"/>
                  </a:lnTo>
                  <a:lnTo>
                    <a:pt x="423081" y="2811439"/>
                  </a:lnTo>
                  <a:close/>
                </a:path>
              </a:pathLst>
            </a:custGeom>
            <a:solidFill>
              <a:srgbClr val="00B0F0">
                <a:alpha val="40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16" name="TextBox 15"/>
            <p:cNvSpPr txBox="1"/>
            <p:nvPr/>
          </p:nvSpPr>
          <p:spPr>
            <a:xfrm rot="19998738">
              <a:off x="7709387" y="4029716"/>
              <a:ext cx="1235711" cy="646331"/>
            </a:xfrm>
            <a:prstGeom prst="rect">
              <a:avLst/>
            </a:prstGeom>
            <a:noFill/>
          </p:spPr>
          <p:txBody>
            <a:bodyPr wrap="square" rtlCol="1" anchor="ctr">
              <a:spAutoFit/>
            </a:bodyPr>
            <a:lstStyle/>
            <a:p>
              <a:pPr algn="ctr"/>
              <a:r>
                <a:rPr lang="he-IL" b="1" dirty="0" smtClean="0">
                  <a:solidFill>
                    <a:prstClr val="white"/>
                  </a:solidFill>
                  <a:effectLst>
                    <a:glow rad="228600">
                      <a:srgbClr val="3399FF"/>
                    </a:glow>
                    <a:outerShdw blurRad="38100" dist="38100" dir="2700000" algn="tl">
                      <a:srgbClr val="000000">
                        <a:alpha val="43137"/>
                      </a:srgbClr>
                    </a:outerShdw>
                  </a:effectLst>
                  <a:cs typeface="Guttman Hatzvi" panose="02010401010101010101" pitchFamily="2" charset="-79"/>
                </a:rPr>
                <a:t>417</a:t>
              </a:r>
            </a:p>
            <a:p>
              <a:pPr algn="ctr"/>
              <a:r>
                <a:rPr lang="en-US" b="1" dirty="0" smtClean="0">
                  <a:solidFill>
                    <a:prstClr val="white"/>
                  </a:solidFill>
                  <a:effectLst>
                    <a:glow rad="228600">
                      <a:srgbClr val="3399FF"/>
                    </a:glow>
                    <a:outerShdw blurRad="38100" dist="38100" dir="2700000" algn="tl">
                      <a:srgbClr val="000000">
                        <a:alpha val="43137"/>
                      </a:srgbClr>
                    </a:outerShdw>
                  </a:effectLst>
                  <a:cs typeface="Guttman Hatzvi" panose="02010401010101010101" pitchFamily="2" charset="-79"/>
                </a:rPr>
                <a:t>Brigade</a:t>
              </a:r>
              <a:endParaRPr lang="he-IL" b="1" dirty="0">
                <a:solidFill>
                  <a:prstClr val="white"/>
                </a:solidFill>
                <a:effectLst>
                  <a:glow rad="228600">
                    <a:srgbClr val="3399FF"/>
                  </a:glow>
                  <a:outerShdw blurRad="38100" dist="38100" dir="2700000" algn="tl">
                    <a:srgbClr val="000000">
                      <a:alpha val="43137"/>
                    </a:srgbClr>
                  </a:outerShdw>
                </a:effectLst>
                <a:cs typeface="Guttman Hatzvi" panose="02010401010101010101" pitchFamily="2" charset="-79"/>
              </a:endParaRPr>
            </a:p>
          </p:txBody>
        </p:sp>
      </p:grpSp>
      <p:sp>
        <p:nvSpPr>
          <p:cNvPr id="19" name="TextBox 18"/>
          <p:cNvSpPr txBox="1"/>
          <p:nvPr/>
        </p:nvSpPr>
        <p:spPr>
          <a:xfrm>
            <a:off x="6335126" y="1281997"/>
            <a:ext cx="2510631" cy="584775"/>
          </a:xfrm>
          <a:prstGeom prst="rect">
            <a:avLst/>
          </a:prstGeom>
          <a:noFill/>
        </p:spPr>
        <p:txBody>
          <a:bodyPr wrap="square" rtlCol="1">
            <a:spAutoFit/>
          </a:bodyPr>
          <a:lstStyle/>
          <a:p>
            <a:pPr algn="ctr"/>
            <a:r>
              <a:rPr lang="en-US" sz="1600" b="1" dirty="0" smtClean="0">
                <a:solidFill>
                  <a:srgbClr val="0070C0"/>
                </a:solidFill>
                <a:effectLst/>
                <a:cs typeface="Guttman Hatzvi" panose="02010401010101010101" pitchFamily="2" charset="-79"/>
              </a:rPr>
              <a:t>417 Brigade:</a:t>
            </a:r>
          </a:p>
          <a:p>
            <a:pPr algn="ctr"/>
            <a:r>
              <a:rPr lang="en-US" sz="1600" dirty="0">
                <a:solidFill>
                  <a:srgbClr val="0070C0"/>
                </a:solidFill>
                <a:cs typeface="Guttman Hatzvi" panose="02010401010101010101" pitchFamily="2" charset="-79"/>
              </a:rPr>
              <a:t>COL </a:t>
            </a:r>
            <a:r>
              <a:rPr lang="en-US" sz="1600" dirty="0" err="1">
                <a:solidFill>
                  <a:srgbClr val="0070C0"/>
                </a:solidFill>
                <a:cs typeface="Guttman Hatzvi" panose="02010401010101010101" pitchFamily="2" charset="-79"/>
              </a:rPr>
              <a:t>Udi</a:t>
            </a:r>
            <a:r>
              <a:rPr lang="en-US" sz="1600" dirty="0">
                <a:solidFill>
                  <a:srgbClr val="0070C0"/>
                </a:solidFill>
                <a:cs typeface="Guttman Hatzvi" panose="02010401010101010101" pitchFamily="2" charset="-79"/>
              </a:rPr>
              <a:t> </a:t>
            </a:r>
            <a:r>
              <a:rPr lang="en-US" sz="1600" dirty="0" err="1">
                <a:solidFill>
                  <a:srgbClr val="0070C0"/>
                </a:solidFill>
                <a:cs typeface="Guttman Hatzvi" panose="02010401010101010101" pitchFamily="2" charset="-79"/>
              </a:rPr>
              <a:t>Tzor</a:t>
            </a:r>
            <a:endParaRPr lang="he-IL" sz="1600" dirty="0">
              <a:solidFill>
                <a:srgbClr val="0070C0"/>
              </a:solidFill>
              <a:cs typeface="Guttman Hatzvi" panose="02010401010101010101" pitchFamily="2" charset="-79"/>
            </a:endParaRPr>
          </a:p>
        </p:txBody>
      </p:sp>
      <p:grpSp>
        <p:nvGrpSpPr>
          <p:cNvPr id="14" name="קבוצה 13"/>
          <p:cNvGrpSpPr/>
          <p:nvPr/>
        </p:nvGrpSpPr>
        <p:grpSpPr>
          <a:xfrm>
            <a:off x="323820" y="1881187"/>
            <a:ext cx="2504456" cy="4691085"/>
            <a:chOff x="323820" y="1881187"/>
            <a:chExt cx="2504456" cy="4691085"/>
          </a:xfrm>
        </p:grpSpPr>
        <p:pic>
          <p:nvPicPr>
            <p:cNvPr id="38" name="Picture 6"/>
            <p:cNvPicPr>
              <a:picLocks noChangeAspect="1" noChangeArrowheads="1"/>
            </p:cNvPicPr>
            <p:nvPr/>
          </p:nvPicPr>
          <p:blipFill>
            <a:blip r:embed="rId3" cstate="email">
              <a:lum bright="-44000" contrast="56000"/>
            </a:blip>
            <a:srcRect/>
            <a:stretch>
              <a:fillRect/>
            </a:stretch>
          </p:blipFill>
          <p:spPr bwMode="auto">
            <a:xfrm>
              <a:off x="323820" y="1881187"/>
              <a:ext cx="2497850" cy="4691085"/>
            </a:xfrm>
            <a:prstGeom prst="rect">
              <a:avLst/>
            </a:prstGeom>
            <a:noFill/>
            <a:ln w="19050">
              <a:solidFill>
                <a:schemeClr val="tx1"/>
              </a:solidFill>
            </a:ln>
          </p:spPr>
        </p:pic>
        <p:sp>
          <p:nvSpPr>
            <p:cNvPr id="39" name="צורה חופשית 38"/>
            <p:cNvSpPr/>
            <p:nvPr/>
          </p:nvSpPr>
          <p:spPr>
            <a:xfrm>
              <a:off x="339128" y="2015586"/>
              <a:ext cx="2433967" cy="4395653"/>
            </a:xfrm>
            <a:custGeom>
              <a:avLst/>
              <a:gdLst>
                <a:gd name="connsiteX0" fmla="*/ 368489 w 2169994"/>
                <a:gd name="connsiteY0" fmla="*/ 2756848 h 2811439"/>
                <a:gd name="connsiteX1" fmla="*/ 1105468 w 2169994"/>
                <a:gd name="connsiteY1" fmla="*/ 2756848 h 2811439"/>
                <a:gd name="connsiteX2" fmla="*/ 1460310 w 2169994"/>
                <a:gd name="connsiteY2" fmla="*/ 2456597 h 2811439"/>
                <a:gd name="connsiteX3" fmla="*/ 1596788 w 2169994"/>
                <a:gd name="connsiteY3" fmla="*/ 2019868 h 2811439"/>
                <a:gd name="connsiteX4" fmla="*/ 1719618 w 2169994"/>
                <a:gd name="connsiteY4" fmla="*/ 1719618 h 2811439"/>
                <a:gd name="connsiteX5" fmla="*/ 1665027 w 2169994"/>
                <a:gd name="connsiteY5" fmla="*/ 1487606 h 2811439"/>
                <a:gd name="connsiteX6" fmla="*/ 1828800 w 2169994"/>
                <a:gd name="connsiteY6" fmla="*/ 1241946 h 2811439"/>
                <a:gd name="connsiteX7" fmla="*/ 2019868 w 2169994"/>
                <a:gd name="connsiteY7" fmla="*/ 887104 h 2811439"/>
                <a:gd name="connsiteX8" fmla="*/ 2115403 w 2169994"/>
                <a:gd name="connsiteY8" fmla="*/ 504967 h 2811439"/>
                <a:gd name="connsiteX9" fmla="*/ 2169994 w 2169994"/>
                <a:gd name="connsiteY9" fmla="*/ 327546 h 2811439"/>
                <a:gd name="connsiteX10" fmla="*/ 1978925 w 2169994"/>
                <a:gd name="connsiteY10" fmla="*/ 136477 h 2811439"/>
                <a:gd name="connsiteX11" fmla="*/ 1665027 w 2169994"/>
                <a:gd name="connsiteY11" fmla="*/ 54591 h 2811439"/>
                <a:gd name="connsiteX12" fmla="*/ 1160059 w 2169994"/>
                <a:gd name="connsiteY12" fmla="*/ 0 h 2811439"/>
                <a:gd name="connsiteX13" fmla="*/ 777922 w 2169994"/>
                <a:gd name="connsiteY13" fmla="*/ 177421 h 2811439"/>
                <a:gd name="connsiteX14" fmla="*/ 532262 w 2169994"/>
                <a:gd name="connsiteY14" fmla="*/ 518615 h 2811439"/>
                <a:gd name="connsiteX15" fmla="*/ 382137 w 2169994"/>
                <a:gd name="connsiteY15" fmla="*/ 968991 h 2811439"/>
                <a:gd name="connsiteX16" fmla="*/ 464024 w 2169994"/>
                <a:gd name="connsiteY16" fmla="*/ 1310185 h 2811439"/>
                <a:gd name="connsiteX17" fmla="*/ 436728 w 2169994"/>
                <a:gd name="connsiteY17" fmla="*/ 1569492 h 2811439"/>
                <a:gd name="connsiteX18" fmla="*/ 818865 w 2169994"/>
                <a:gd name="connsiteY18" fmla="*/ 1692322 h 2811439"/>
                <a:gd name="connsiteX19" fmla="*/ 887104 w 2169994"/>
                <a:gd name="connsiteY19" fmla="*/ 1801504 h 2811439"/>
                <a:gd name="connsiteX20" fmla="*/ 464024 w 2169994"/>
                <a:gd name="connsiteY20" fmla="*/ 1815152 h 2811439"/>
                <a:gd name="connsiteX21" fmla="*/ 232012 w 2169994"/>
                <a:gd name="connsiteY21" fmla="*/ 2006221 h 2811439"/>
                <a:gd name="connsiteX22" fmla="*/ 54591 w 2169994"/>
                <a:gd name="connsiteY22" fmla="*/ 2265528 h 2811439"/>
                <a:gd name="connsiteX23" fmla="*/ 0 w 2169994"/>
                <a:gd name="connsiteY23" fmla="*/ 2606722 h 2811439"/>
                <a:gd name="connsiteX24" fmla="*/ 163773 w 2169994"/>
                <a:gd name="connsiteY24" fmla="*/ 2811439 h 2811439"/>
                <a:gd name="connsiteX25" fmla="*/ 368489 w 2169994"/>
                <a:gd name="connsiteY25" fmla="*/ 2756848 h 28114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Lst>
              <a:rect l="l" t="t" r="r" b="b"/>
              <a:pathLst>
                <a:path w="2169994" h="2811439">
                  <a:moveTo>
                    <a:pt x="368489" y="2756848"/>
                  </a:moveTo>
                  <a:lnTo>
                    <a:pt x="1105468" y="2756848"/>
                  </a:lnTo>
                  <a:lnTo>
                    <a:pt x="1460310" y="2456597"/>
                  </a:lnTo>
                  <a:lnTo>
                    <a:pt x="1596788" y="2019868"/>
                  </a:lnTo>
                  <a:lnTo>
                    <a:pt x="1719618" y="1719618"/>
                  </a:lnTo>
                  <a:lnTo>
                    <a:pt x="1665027" y="1487606"/>
                  </a:lnTo>
                  <a:lnTo>
                    <a:pt x="1828800" y="1241946"/>
                  </a:lnTo>
                  <a:lnTo>
                    <a:pt x="2019868" y="887104"/>
                  </a:lnTo>
                  <a:lnTo>
                    <a:pt x="2115403" y="504967"/>
                  </a:lnTo>
                  <a:lnTo>
                    <a:pt x="2169994" y="327546"/>
                  </a:lnTo>
                  <a:lnTo>
                    <a:pt x="1978925" y="136477"/>
                  </a:lnTo>
                  <a:lnTo>
                    <a:pt x="1665027" y="54591"/>
                  </a:lnTo>
                  <a:lnTo>
                    <a:pt x="1160059" y="0"/>
                  </a:lnTo>
                  <a:lnTo>
                    <a:pt x="777922" y="177421"/>
                  </a:lnTo>
                  <a:lnTo>
                    <a:pt x="532262" y="518615"/>
                  </a:lnTo>
                  <a:lnTo>
                    <a:pt x="382137" y="968991"/>
                  </a:lnTo>
                  <a:lnTo>
                    <a:pt x="464024" y="1310185"/>
                  </a:lnTo>
                  <a:lnTo>
                    <a:pt x="436728" y="1569492"/>
                  </a:lnTo>
                  <a:lnTo>
                    <a:pt x="818865" y="1692322"/>
                  </a:lnTo>
                  <a:lnTo>
                    <a:pt x="887104" y="1801504"/>
                  </a:lnTo>
                  <a:lnTo>
                    <a:pt x="464024" y="1815152"/>
                  </a:lnTo>
                  <a:lnTo>
                    <a:pt x="232012" y="2006221"/>
                  </a:lnTo>
                  <a:lnTo>
                    <a:pt x="54591" y="2265528"/>
                  </a:lnTo>
                  <a:lnTo>
                    <a:pt x="0" y="2606722"/>
                  </a:lnTo>
                  <a:lnTo>
                    <a:pt x="163773" y="2811439"/>
                  </a:lnTo>
                  <a:lnTo>
                    <a:pt x="368489" y="2756848"/>
                  </a:lnTo>
                  <a:close/>
                </a:path>
              </a:pathLst>
            </a:custGeom>
            <a:solidFill>
              <a:srgbClr val="7030A0">
                <a:alpha val="33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2" name="צורה חופשית 21"/>
            <p:cNvSpPr/>
            <p:nvPr/>
          </p:nvSpPr>
          <p:spPr>
            <a:xfrm>
              <a:off x="638169" y="4314730"/>
              <a:ext cx="1626583" cy="1305760"/>
            </a:xfrm>
            <a:custGeom>
              <a:avLst/>
              <a:gdLst>
                <a:gd name="connsiteX0" fmla="*/ 0 w 2163170"/>
                <a:gd name="connsiteY0" fmla="*/ 1084997 h 1849272"/>
                <a:gd name="connsiteX1" fmla="*/ 116006 w 2163170"/>
                <a:gd name="connsiteY1" fmla="*/ 1105469 h 1849272"/>
                <a:gd name="connsiteX2" fmla="*/ 232012 w 2163170"/>
                <a:gd name="connsiteY2" fmla="*/ 1112293 h 1849272"/>
                <a:gd name="connsiteX3" fmla="*/ 252484 w 2163170"/>
                <a:gd name="connsiteY3" fmla="*/ 1153236 h 1849272"/>
                <a:gd name="connsiteX4" fmla="*/ 388961 w 2163170"/>
                <a:gd name="connsiteY4" fmla="*/ 1153236 h 1849272"/>
                <a:gd name="connsiteX5" fmla="*/ 498143 w 2163170"/>
                <a:gd name="connsiteY5" fmla="*/ 1153236 h 1849272"/>
                <a:gd name="connsiteX6" fmla="*/ 511791 w 2163170"/>
                <a:gd name="connsiteY6" fmla="*/ 1166884 h 1849272"/>
                <a:gd name="connsiteX7" fmla="*/ 634621 w 2163170"/>
                <a:gd name="connsiteY7" fmla="*/ 1180532 h 1849272"/>
                <a:gd name="connsiteX8" fmla="*/ 777923 w 2163170"/>
                <a:gd name="connsiteY8" fmla="*/ 1166884 h 1849272"/>
                <a:gd name="connsiteX9" fmla="*/ 825690 w 2163170"/>
                <a:gd name="connsiteY9" fmla="*/ 1201003 h 1849272"/>
                <a:gd name="connsiteX10" fmla="*/ 887105 w 2163170"/>
                <a:gd name="connsiteY10" fmla="*/ 1248770 h 1849272"/>
                <a:gd name="connsiteX11" fmla="*/ 934872 w 2163170"/>
                <a:gd name="connsiteY11" fmla="*/ 1262418 h 1849272"/>
                <a:gd name="connsiteX12" fmla="*/ 1057702 w 2163170"/>
                <a:gd name="connsiteY12" fmla="*/ 1282890 h 1849272"/>
                <a:gd name="connsiteX13" fmla="*/ 1269242 w 2163170"/>
                <a:gd name="connsiteY13" fmla="*/ 1296538 h 1849272"/>
                <a:gd name="connsiteX14" fmla="*/ 1439839 w 2163170"/>
                <a:gd name="connsiteY14" fmla="*/ 1385248 h 1849272"/>
                <a:gd name="connsiteX15" fmla="*/ 1467135 w 2163170"/>
                <a:gd name="connsiteY15" fmla="*/ 1514902 h 1849272"/>
                <a:gd name="connsiteX16" fmla="*/ 1494430 w 2163170"/>
                <a:gd name="connsiteY16" fmla="*/ 1610436 h 1849272"/>
                <a:gd name="connsiteX17" fmla="*/ 1576317 w 2163170"/>
                <a:gd name="connsiteY17" fmla="*/ 1740090 h 1849272"/>
                <a:gd name="connsiteX18" fmla="*/ 1705970 w 2163170"/>
                <a:gd name="connsiteY18" fmla="*/ 1801505 h 1849272"/>
                <a:gd name="connsiteX19" fmla="*/ 1821976 w 2163170"/>
                <a:gd name="connsiteY19" fmla="*/ 1849272 h 1849272"/>
                <a:gd name="connsiteX20" fmla="*/ 2149523 w 2163170"/>
                <a:gd name="connsiteY20" fmla="*/ 559558 h 1849272"/>
                <a:gd name="connsiteX21" fmla="*/ 2163170 w 2163170"/>
                <a:gd name="connsiteY21" fmla="*/ 484496 h 1849272"/>
                <a:gd name="connsiteX22" fmla="*/ 2088108 w 2163170"/>
                <a:gd name="connsiteY22" fmla="*/ 27296 h 1849272"/>
                <a:gd name="connsiteX23" fmla="*/ 1992573 w 2163170"/>
                <a:gd name="connsiteY23" fmla="*/ 0 h 1849272"/>
                <a:gd name="connsiteX24" fmla="*/ 1965278 w 2163170"/>
                <a:gd name="connsiteY24" fmla="*/ 75063 h 1849272"/>
                <a:gd name="connsiteX25" fmla="*/ 1972102 w 2163170"/>
                <a:gd name="connsiteY25" fmla="*/ 150126 h 1849272"/>
                <a:gd name="connsiteX26" fmla="*/ 1808329 w 2163170"/>
                <a:gd name="connsiteY26" fmla="*/ 156949 h 1849272"/>
                <a:gd name="connsiteX27" fmla="*/ 1712794 w 2163170"/>
                <a:gd name="connsiteY27" fmla="*/ 204717 h 1849272"/>
                <a:gd name="connsiteX28" fmla="*/ 1692323 w 2163170"/>
                <a:gd name="connsiteY28" fmla="*/ 272955 h 1849272"/>
                <a:gd name="connsiteX29" fmla="*/ 1624084 w 2163170"/>
                <a:gd name="connsiteY29" fmla="*/ 327546 h 1849272"/>
                <a:gd name="connsiteX30" fmla="*/ 1480782 w 2163170"/>
                <a:gd name="connsiteY30" fmla="*/ 341194 h 1849272"/>
                <a:gd name="connsiteX31" fmla="*/ 1173708 w 2163170"/>
                <a:gd name="connsiteY31" fmla="*/ 307075 h 1849272"/>
                <a:gd name="connsiteX32" fmla="*/ 1112293 w 2163170"/>
                <a:gd name="connsiteY32" fmla="*/ 341194 h 1849272"/>
                <a:gd name="connsiteX33" fmla="*/ 1030406 w 2163170"/>
                <a:gd name="connsiteY33" fmla="*/ 443552 h 1849272"/>
                <a:gd name="connsiteX34" fmla="*/ 907576 w 2163170"/>
                <a:gd name="connsiteY34" fmla="*/ 470848 h 1849272"/>
                <a:gd name="connsiteX35" fmla="*/ 866633 w 2163170"/>
                <a:gd name="connsiteY35" fmla="*/ 545911 h 1849272"/>
                <a:gd name="connsiteX36" fmla="*/ 914400 w 2163170"/>
                <a:gd name="connsiteY36" fmla="*/ 696036 h 1849272"/>
                <a:gd name="connsiteX37" fmla="*/ 887105 w 2163170"/>
                <a:gd name="connsiteY37" fmla="*/ 723332 h 1849272"/>
                <a:gd name="connsiteX38" fmla="*/ 655093 w 2163170"/>
                <a:gd name="connsiteY38" fmla="*/ 743803 h 1849272"/>
                <a:gd name="connsiteX39" fmla="*/ 498143 w 2163170"/>
                <a:gd name="connsiteY39" fmla="*/ 743803 h 1849272"/>
                <a:gd name="connsiteX40" fmla="*/ 327546 w 2163170"/>
                <a:gd name="connsiteY40" fmla="*/ 777923 h 1849272"/>
                <a:gd name="connsiteX41" fmla="*/ 218364 w 2163170"/>
                <a:gd name="connsiteY41" fmla="*/ 818866 h 1849272"/>
                <a:gd name="connsiteX42" fmla="*/ 150126 w 2163170"/>
                <a:gd name="connsiteY42" fmla="*/ 928048 h 1849272"/>
                <a:gd name="connsiteX43" fmla="*/ 0 w 2163170"/>
                <a:gd name="connsiteY43" fmla="*/ 1084997 h 184927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 ang="0">
                  <a:pos x="connsiteX40" y="connsiteY40"/>
                </a:cxn>
                <a:cxn ang="0">
                  <a:pos x="connsiteX41" y="connsiteY41"/>
                </a:cxn>
                <a:cxn ang="0">
                  <a:pos x="connsiteX42" y="connsiteY42"/>
                </a:cxn>
                <a:cxn ang="0">
                  <a:pos x="connsiteX43" y="connsiteY43"/>
                </a:cxn>
              </a:cxnLst>
              <a:rect l="l" t="t" r="r" b="b"/>
              <a:pathLst>
                <a:path w="2163170" h="1849272">
                  <a:moveTo>
                    <a:pt x="0" y="1084997"/>
                  </a:moveTo>
                  <a:lnTo>
                    <a:pt x="116006" y="1105469"/>
                  </a:lnTo>
                  <a:lnTo>
                    <a:pt x="232012" y="1112293"/>
                  </a:lnTo>
                  <a:lnTo>
                    <a:pt x="252484" y="1153236"/>
                  </a:lnTo>
                  <a:lnTo>
                    <a:pt x="388961" y="1153236"/>
                  </a:lnTo>
                  <a:lnTo>
                    <a:pt x="498143" y="1153236"/>
                  </a:lnTo>
                  <a:lnTo>
                    <a:pt x="511791" y="1166884"/>
                  </a:lnTo>
                  <a:lnTo>
                    <a:pt x="634621" y="1180532"/>
                  </a:lnTo>
                  <a:lnTo>
                    <a:pt x="777923" y="1166884"/>
                  </a:lnTo>
                  <a:lnTo>
                    <a:pt x="825690" y="1201003"/>
                  </a:lnTo>
                  <a:lnTo>
                    <a:pt x="887105" y="1248770"/>
                  </a:lnTo>
                  <a:lnTo>
                    <a:pt x="934872" y="1262418"/>
                  </a:lnTo>
                  <a:lnTo>
                    <a:pt x="1057702" y="1282890"/>
                  </a:lnTo>
                  <a:lnTo>
                    <a:pt x="1269242" y="1296538"/>
                  </a:lnTo>
                  <a:lnTo>
                    <a:pt x="1439839" y="1385248"/>
                  </a:lnTo>
                  <a:lnTo>
                    <a:pt x="1467135" y="1514902"/>
                  </a:lnTo>
                  <a:lnTo>
                    <a:pt x="1494430" y="1610436"/>
                  </a:lnTo>
                  <a:lnTo>
                    <a:pt x="1576317" y="1740090"/>
                  </a:lnTo>
                  <a:lnTo>
                    <a:pt x="1705970" y="1801505"/>
                  </a:lnTo>
                  <a:lnTo>
                    <a:pt x="1821976" y="1849272"/>
                  </a:lnTo>
                  <a:lnTo>
                    <a:pt x="2149523" y="559558"/>
                  </a:lnTo>
                  <a:lnTo>
                    <a:pt x="2163170" y="484496"/>
                  </a:lnTo>
                  <a:lnTo>
                    <a:pt x="2088108" y="27296"/>
                  </a:lnTo>
                  <a:lnTo>
                    <a:pt x="1992573" y="0"/>
                  </a:lnTo>
                  <a:lnTo>
                    <a:pt x="1965278" y="75063"/>
                  </a:lnTo>
                  <a:lnTo>
                    <a:pt x="1972102" y="150126"/>
                  </a:lnTo>
                  <a:lnTo>
                    <a:pt x="1808329" y="156949"/>
                  </a:lnTo>
                  <a:lnTo>
                    <a:pt x="1712794" y="204717"/>
                  </a:lnTo>
                  <a:lnTo>
                    <a:pt x="1692323" y="272955"/>
                  </a:lnTo>
                  <a:lnTo>
                    <a:pt x="1624084" y="327546"/>
                  </a:lnTo>
                  <a:lnTo>
                    <a:pt x="1480782" y="341194"/>
                  </a:lnTo>
                  <a:lnTo>
                    <a:pt x="1173708" y="307075"/>
                  </a:lnTo>
                  <a:lnTo>
                    <a:pt x="1112293" y="341194"/>
                  </a:lnTo>
                  <a:lnTo>
                    <a:pt x="1030406" y="443552"/>
                  </a:lnTo>
                  <a:lnTo>
                    <a:pt x="907576" y="470848"/>
                  </a:lnTo>
                  <a:lnTo>
                    <a:pt x="866633" y="545911"/>
                  </a:lnTo>
                  <a:lnTo>
                    <a:pt x="914400" y="696036"/>
                  </a:lnTo>
                  <a:lnTo>
                    <a:pt x="887105" y="723332"/>
                  </a:lnTo>
                  <a:lnTo>
                    <a:pt x="655093" y="743803"/>
                  </a:lnTo>
                  <a:lnTo>
                    <a:pt x="498143" y="743803"/>
                  </a:lnTo>
                  <a:lnTo>
                    <a:pt x="327546" y="777923"/>
                  </a:lnTo>
                  <a:lnTo>
                    <a:pt x="218364" y="818866"/>
                  </a:lnTo>
                  <a:lnTo>
                    <a:pt x="150126" y="928048"/>
                  </a:lnTo>
                  <a:lnTo>
                    <a:pt x="0" y="1084997"/>
                  </a:lnTo>
                  <a:close/>
                </a:path>
              </a:pathLst>
            </a:custGeom>
            <a:solidFill>
              <a:schemeClr val="accent4">
                <a:alpha val="61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3" name="צורה חופשית 22"/>
            <p:cNvSpPr/>
            <p:nvPr/>
          </p:nvSpPr>
          <p:spPr>
            <a:xfrm>
              <a:off x="345692" y="5080840"/>
              <a:ext cx="1667633" cy="1320215"/>
            </a:xfrm>
            <a:custGeom>
              <a:avLst/>
              <a:gdLst>
                <a:gd name="connsiteX0" fmla="*/ 382137 w 2217761"/>
                <a:gd name="connsiteY0" fmla="*/ 0 h 1869743"/>
                <a:gd name="connsiteX1" fmla="*/ 61415 w 2217761"/>
                <a:gd name="connsiteY1" fmla="*/ 723332 h 1869743"/>
                <a:gd name="connsiteX2" fmla="*/ 0 w 2217761"/>
                <a:gd name="connsiteY2" fmla="*/ 1446663 h 1869743"/>
                <a:gd name="connsiteX3" fmla="*/ 122830 w 2217761"/>
                <a:gd name="connsiteY3" fmla="*/ 1630908 h 1869743"/>
                <a:gd name="connsiteX4" fmla="*/ 218364 w 2217761"/>
                <a:gd name="connsiteY4" fmla="*/ 1842448 h 1869743"/>
                <a:gd name="connsiteX5" fmla="*/ 232012 w 2217761"/>
                <a:gd name="connsiteY5" fmla="*/ 1869743 h 1869743"/>
                <a:gd name="connsiteX6" fmla="*/ 518615 w 2217761"/>
                <a:gd name="connsiteY6" fmla="*/ 1767385 h 1869743"/>
                <a:gd name="connsiteX7" fmla="*/ 1644555 w 2217761"/>
                <a:gd name="connsiteY7" fmla="*/ 1760561 h 1869743"/>
                <a:gd name="connsiteX8" fmla="*/ 2169994 w 2217761"/>
                <a:gd name="connsiteY8" fmla="*/ 1098645 h 1869743"/>
                <a:gd name="connsiteX9" fmla="*/ 2217761 w 2217761"/>
                <a:gd name="connsiteY9" fmla="*/ 771099 h 1869743"/>
                <a:gd name="connsiteX10" fmla="*/ 1985749 w 2217761"/>
                <a:gd name="connsiteY10" fmla="*/ 668741 h 1869743"/>
                <a:gd name="connsiteX11" fmla="*/ 1869743 w 2217761"/>
                <a:gd name="connsiteY11" fmla="*/ 532263 h 1869743"/>
                <a:gd name="connsiteX12" fmla="*/ 1808328 w 2217761"/>
                <a:gd name="connsiteY12" fmla="*/ 313899 h 1869743"/>
                <a:gd name="connsiteX13" fmla="*/ 1637731 w 2217761"/>
                <a:gd name="connsiteY13" fmla="*/ 211541 h 1869743"/>
                <a:gd name="connsiteX14" fmla="*/ 1344304 w 2217761"/>
                <a:gd name="connsiteY14" fmla="*/ 191069 h 1869743"/>
                <a:gd name="connsiteX15" fmla="*/ 1214651 w 2217761"/>
                <a:gd name="connsiteY15" fmla="*/ 163773 h 1869743"/>
                <a:gd name="connsiteX16" fmla="*/ 1173707 w 2217761"/>
                <a:gd name="connsiteY16" fmla="*/ 95535 h 1869743"/>
                <a:gd name="connsiteX17" fmla="*/ 1030406 w 2217761"/>
                <a:gd name="connsiteY17" fmla="*/ 109182 h 1869743"/>
                <a:gd name="connsiteX18" fmla="*/ 866633 w 2217761"/>
                <a:gd name="connsiteY18" fmla="*/ 88711 h 1869743"/>
                <a:gd name="connsiteX19" fmla="*/ 723331 w 2217761"/>
                <a:gd name="connsiteY19" fmla="*/ 81887 h 1869743"/>
                <a:gd name="connsiteX20" fmla="*/ 661916 w 2217761"/>
                <a:gd name="connsiteY20" fmla="*/ 88711 h 1869743"/>
                <a:gd name="connsiteX21" fmla="*/ 580030 w 2217761"/>
                <a:gd name="connsiteY21" fmla="*/ 61415 h 1869743"/>
                <a:gd name="connsiteX22" fmla="*/ 573206 w 2217761"/>
                <a:gd name="connsiteY22" fmla="*/ 34120 h 1869743"/>
                <a:gd name="connsiteX23" fmla="*/ 382137 w 2217761"/>
                <a:gd name="connsiteY23" fmla="*/ 0 h 1869743"/>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Lst>
              <a:rect l="l" t="t" r="r" b="b"/>
              <a:pathLst>
                <a:path w="2217761" h="1869743">
                  <a:moveTo>
                    <a:pt x="382137" y="0"/>
                  </a:moveTo>
                  <a:lnTo>
                    <a:pt x="61415" y="723332"/>
                  </a:lnTo>
                  <a:lnTo>
                    <a:pt x="0" y="1446663"/>
                  </a:lnTo>
                  <a:lnTo>
                    <a:pt x="122830" y="1630908"/>
                  </a:lnTo>
                  <a:lnTo>
                    <a:pt x="218364" y="1842448"/>
                  </a:lnTo>
                  <a:lnTo>
                    <a:pt x="232012" y="1869743"/>
                  </a:lnTo>
                  <a:lnTo>
                    <a:pt x="518615" y="1767385"/>
                  </a:lnTo>
                  <a:lnTo>
                    <a:pt x="1644555" y="1760561"/>
                  </a:lnTo>
                  <a:lnTo>
                    <a:pt x="2169994" y="1098645"/>
                  </a:lnTo>
                  <a:lnTo>
                    <a:pt x="2217761" y="771099"/>
                  </a:lnTo>
                  <a:lnTo>
                    <a:pt x="1985749" y="668741"/>
                  </a:lnTo>
                  <a:lnTo>
                    <a:pt x="1869743" y="532263"/>
                  </a:lnTo>
                  <a:lnTo>
                    <a:pt x="1808328" y="313899"/>
                  </a:lnTo>
                  <a:lnTo>
                    <a:pt x="1637731" y="211541"/>
                  </a:lnTo>
                  <a:lnTo>
                    <a:pt x="1344304" y="191069"/>
                  </a:lnTo>
                  <a:lnTo>
                    <a:pt x="1214651" y="163773"/>
                  </a:lnTo>
                  <a:lnTo>
                    <a:pt x="1173707" y="95535"/>
                  </a:lnTo>
                  <a:lnTo>
                    <a:pt x="1030406" y="109182"/>
                  </a:lnTo>
                  <a:lnTo>
                    <a:pt x="866633" y="88711"/>
                  </a:lnTo>
                  <a:lnTo>
                    <a:pt x="723331" y="81887"/>
                  </a:lnTo>
                  <a:lnTo>
                    <a:pt x="661916" y="88711"/>
                  </a:lnTo>
                  <a:lnTo>
                    <a:pt x="580030" y="61415"/>
                  </a:lnTo>
                  <a:lnTo>
                    <a:pt x="573206" y="34120"/>
                  </a:lnTo>
                  <a:lnTo>
                    <a:pt x="382137" y="0"/>
                  </a:lnTo>
                  <a:close/>
                </a:path>
              </a:pathLst>
            </a:custGeom>
            <a:solidFill>
              <a:schemeClr val="accent1">
                <a:alpha val="52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4" name="צורה חופשית 23"/>
            <p:cNvSpPr/>
            <p:nvPr/>
          </p:nvSpPr>
          <p:spPr>
            <a:xfrm>
              <a:off x="807498" y="3644986"/>
              <a:ext cx="1641977" cy="1016662"/>
            </a:xfrm>
            <a:custGeom>
              <a:avLst/>
              <a:gdLst>
                <a:gd name="connsiteX0" fmla="*/ 634621 w 2183642"/>
                <a:gd name="connsiteY0" fmla="*/ 1439839 h 1439839"/>
                <a:gd name="connsiteX1" fmla="*/ 47767 w 2183642"/>
                <a:gd name="connsiteY1" fmla="*/ 1166883 h 1439839"/>
                <a:gd name="connsiteX2" fmla="*/ 27296 w 2183642"/>
                <a:gd name="connsiteY2" fmla="*/ 1084997 h 1439839"/>
                <a:gd name="connsiteX3" fmla="*/ 68239 w 2183642"/>
                <a:gd name="connsiteY3" fmla="*/ 702859 h 1439839"/>
                <a:gd name="connsiteX4" fmla="*/ 88711 w 2183642"/>
                <a:gd name="connsiteY4" fmla="*/ 614149 h 1439839"/>
                <a:gd name="connsiteX5" fmla="*/ 0 w 2183642"/>
                <a:gd name="connsiteY5" fmla="*/ 122830 h 1439839"/>
                <a:gd name="connsiteX6" fmla="*/ 0 w 2183642"/>
                <a:gd name="connsiteY6" fmla="*/ 122830 h 1439839"/>
                <a:gd name="connsiteX7" fmla="*/ 109182 w 2183642"/>
                <a:gd name="connsiteY7" fmla="*/ 47767 h 1439839"/>
                <a:gd name="connsiteX8" fmla="*/ 232012 w 2183642"/>
                <a:gd name="connsiteY8" fmla="*/ 68239 h 1439839"/>
                <a:gd name="connsiteX9" fmla="*/ 300251 w 2183642"/>
                <a:gd name="connsiteY9" fmla="*/ 81886 h 1439839"/>
                <a:gd name="connsiteX10" fmla="*/ 409433 w 2183642"/>
                <a:gd name="connsiteY10" fmla="*/ 75062 h 1439839"/>
                <a:gd name="connsiteX11" fmla="*/ 409433 w 2183642"/>
                <a:gd name="connsiteY11" fmla="*/ 75062 h 1439839"/>
                <a:gd name="connsiteX12" fmla="*/ 566382 w 2183642"/>
                <a:gd name="connsiteY12" fmla="*/ 34119 h 1439839"/>
                <a:gd name="connsiteX13" fmla="*/ 743803 w 2183642"/>
                <a:gd name="connsiteY13" fmla="*/ 88710 h 1439839"/>
                <a:gd name="connsiteX14" fmla="*/ 832514 w 2183642"/>
                <a:gd name="connsiteY14" fmla="*/ 68239 h 1439839"/>
                <a:gd name="connsiteX15" fmla="*/ 921224 w 2183642"/>
                <a:gd name="connsiteY15" fmla="*/ 68239 h 1439839"/>
                <a:gd name="connsiteX16" fmla="*/ 1207827 w 2183642"/>
                <a:gd name="connsiteY16" fmla="*/ 13648 h 1439839"/>
                <a:gd name="connsiteX17" fmla="*/ 1357952 w 2183642"/>
                <a:gd name="connsiteY17" fmla="*/ 0 h 1439839"/>
                <a:gd name="connsiteX18" fmla="*/ 1487606 w 2183642"/>
                <a:gd name="connsiteY18" fmla="*/ 54591 h 1439839"/>
                <a:gd name="connsiteX19" fmla="*/ 1760561 w 2183642"/>
                <a:gd name="connsiteY19" fmla="*/ 0 h 1439839"/>
                <a:gd name="connsiteX20" fmla="*/ 1862920 w 2183642"/>
                <a:gd name="connsiteY20" fmla="*/ 88710 h 1439839"/>
                <a:gd name="connsiteX21" fmla="*/ 1937982 w 2183642"/>
                <a:gd name="connsiteY21" fmla="*/ 156949 h 1439839"/>
                <a:gd name="connsiteX22" fmla="*/ 2006221 w 2183642"/>
                <a:gd name="connsiteY22" fmla="*/ 238836 h 1439839"/>
                <a:gd name="connsiteX23" fmla="*/ 2135875 w 2183642"/>
                <a:gd name="connsiteY23" fmla="*/ 191068 h 1439839"/>
                <a:gd name="connsiteX24" fmla="*/ 2183642 w 2183642"/>
                <a:gd name="connsiteY24" fmla="*/ 238836 h 1439839"/>
                <a:gd name="connsiteX25" fmla="*/ 1869744 w 2183642"/>
                <a:gd name="connsiteY25" fmla="*/ 975815 h 1439839"/>
                <a:gd name="connsiteX26" fmla="*/ 1774209 w 2183642"/>
                <a:gd name="connsiteY26" fmla="*/ 962167 h 1439839"/>
                <a:gd name="connsiteX27" fmla="*/ 1719618 w 2183642"/>
                <a:gd name="connsiteY27" fmla="*/ 1009934 h 1439839"/>
                <a:gd name="connsiteX28" fmla="*/ 1726442 w 2183642"/>
                <a:gd name="connsiteY28" fmla="*/ 1084997 h 1439839"/>
                <a:gd name="connsiteX29" fmla="*/ 1555845 w 2183642"/>
                <a:gd name="connsiteY29" fmla="*/ 1091821 h 1439839"/>
                <a:gd name="connsiteX30" fmla="*/ 1473958 w 2183642"/>
                <a:gd name="connsiteY30" fmla="*/ 1160059 h 1439839"/>
                <a:gd name="connsiteX31" fmla="*/ 1405720 w 2183642"/>
                <a:gd name="connsiteY31" fmla="*/ 1262418 h 1439839"/>
                <a:gd name="connsiteX32" fmla="*/ 1255594 w 2183642"/>
                <a:gd name="connsiteY32" fmla="*/ 1276065 h 1439839"/>
                <a:gd name="connsiteX33" fmla="*/ 1044054 w 2183642"/>
                <a:gd name="connsiteY33" fmla="*/ 1248770 h 1439839"/>
                <a:gd name="connsiteX34" fmla="*/ 941696 w 2183642"/>
                <a:gd name="connsiteY34" fmla="*/ 1241946 h 1439839"/>
                <a:gd name="connsiteX35" fmla="*/ 784747 w 2183642"/>
                <a:gd name="connsiteY35" fmla="*/ 1364776 h 1439839"/>
                <a:gd name="connsiteX36" fmla="*/ 709684 w 2183642"/>
                <a:gd name="connsiteY36" fmla="*/ 1398895 h 1439839"/>
                <a:gd name="connsiteX37" fmla="*/ 634621 w 2183642"/>
                <a:gd name="connsiteY37" fmla="*/ 1439839 h 143983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2183642" h="1439839">
                  <a:moveTo>
                    <a:pt x="634621" y="1439839"/>
                  </a:moveTo>
                  <a:lnTo>
                    <a:pt x="47767" y="1166883"/>
                  </a:lnTo>
                  <a:lnTo>
                    <a:pt x="27296" y="1084997"/>
                  </a:lnTo>
                  <a:lnTo>
                    <a:pt x="68239" y="702859"/>
                  </a:lnTo>
                  <a:lnTo>
                    <a:pt x="88711" y="614149"/>
                  </a:lnTo>
                  <a:lnTo>
                    <a:pt x="0" y="122830"/>
                  </a:lnTo>
                  <a:lnTo>
                    <a:pt x="0" y="122830"/>
                  </a:lnTo>
                  <a:lnTo>
                    <a:pt x="109182" y="47767"/>
                  </a:lnTo>
                  <a:lnTo>
                    <a:pt x="232012" y="68239"/>
                  </a:lnTo>
                  <a:lnTo>
                    <a:pt x="300251" y="81886"/>
                  </a:lnTo>
                  <a:lnTo>
                    <a:pt x="409433" y="75062"/>
                  </a:lnTo>
                  <a:lnTo>
                    <a:pt x="409433" y="75062"/>
                  </a:lnTo>
                  <a:lnTo>
                    <a:pt x="566382" y="34119"/>
                  </a:lnTo>
                  <a:lnTo>
                    <a:pt x="743803" y="88710"/>
                  </a:lnTo>
                  <a:lnTo>
                    <a:pt x="832514" y="68239"/>
                  </a:lnTo>
                  <a:lnTo>
                    <a:pt x="921224" y="68239"/>
                  </a:lnTo>
                  <a:lnTo>
                    <a:pt x="1207827" y="13648"/>
                  </a:lnTo>
                  <a:lnTo>
                    <a:pt x="1357952" y="0"/>
                  </a:lnTo>
                  <a:lnTo>
                    <a:pt x="1487606" y="54591"/>
                  </a:lnTo>
                  <a:lnTo>
                    <a:pt x="1760561" y="0"/>
                  </a:lnTo>
                  <a:lnTo>
                    <a:pt x="1862920" y="88710"/>
                  </a:lnTo>
                  <a:lnTo>
                    <a:pt x="1937982" y="156949"/>
                  </a:lnTo>
                  <a:lnTo>
                    <a:pt x="2006221" y="238836"/>
                  </a:lnTo>
                  <a:lnTo>
                    <a:pt x="2135875" y="191068"/>
                  </a:lnTo>
                  <a:lnTo>
                    <a:pt x="2183642" y="238836"/>
                  </a:lnTo>
                  <a:lnTo>
                    <a:pt x="1869744" y="975815"/>
                  </a:lnTo>
                  <a:lnTo>
                    <a:pt x="1774209" y="962167"/>
                  </a:lnTo>
                  <a:lnTo>
                    <a:pt x="1719618" y="1009934"/>
                  </a:lnTo>
                  <a:lnTo>
                    <a:pt x="1726442" y="1084997"/>
                  </a:lnTo>
                  <a:lnTo>
                    <a:pt x="1555845" y="1091821"/>
                  </a:lnTo>
                  <a:lnTo>
                    <a:pt x="1473958" y="1160059"/>
                  </a:lnTo>
                  <a:lnTo>
                    <a:pt x="1405720" y="1262418"/>
                  </a:lnTo>
                  <a:lnTo>
                    <a:pt x="1255594" y="1276065"/>
                  </a:lnTo>
                  <a:lnTo>
                    <a:pt x="1044054" y="1248770"/>
                  </a:lnTo>
                  <a:lnTo>
                    <a:pt x="941696" y="1241946"/>
                  </a:lnTo>
                  <a:lnTo>
                    <a:pt x="784747" y="1364776"/>
                  </a:lnTo>
                  <a:lnTo>
                    <a:pt x="709684" y="1398895"/>
                  </a:lnTo>
                  <a:lnTo>
                    <a:pt x="634621" y="1439839"/>
                  </a:lnTo>
                  <a:close/>
                </a:path>
              </a:pathLst>
            </a:custGeom>
            <a:solidFill>
              <a:srgbClr val="7030A0">
                <a:alpha val="52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5" name="צורה חופשית 24"/>
            <p:cNvSpPr/>
            <p:nvPr/>
          </p:nvSpPr>
          <p:spPr>
            <a:xfrm>
              <a:off x="761317" y="2623506"/>
              <a:ext cx="1370025" cy="1103391"/>
            </a:xfrm>
            <a:custGeom>
              <a:avLst/>
              <a:gdLst>
                <a:gd name="connsiteX0" fmla="*/ 1187356 w 1821976"/>
                <a:gd name="connsiteY0" fmla="*/ 1446663 h 1562669"/>
                <a:gd name="connsiteX1" fmla="*/ 1337481 w 1821976"/>
                <a:gd name="connsiteY1" fmla="*/ 1357952 h 1562669"/>
                <a:gd name="connsiteX2" fmla="*/ 1235123 w 1821976"/>
                <a:gd name="connsiteY2" fmla="*/ 1187355 h 1562669"/>
                <a:gd name="connsiteX3" fmla="*/ 1385248 w 1821976"/>
                <a:gd name="connsiteY3" fmla="*/ 1003111 h 1562669"/>
                <a:gd name="connsiteX4" fmla="*/ 1330657 w 1821976"/>
                <a:gd name="connsiteY4" fmla="*/ 866633 h 1562669"/>
                <a:gd name="connsiteX5" fmla="*/ 1214651 w 1821976"/>
                <a:gd name="connsiteY5" fmla="*/ 866633 h 1562669"/>
                <a:gd name="connsiteX6" fmla="*/ 1091821 w 1821976"/>
                <a:gd name="connsiteY6" fmla="*/ 812042 h 1562669"/>
                <a:gd name="connsiteX7" fmla="*/ 1269242 w 1821976"/>
                <a:gd name="connsiteY7" fmla="*/ 655093 h 1562669"/>
                <a:gd name="connsiteX8" fmla="*/ 1337481 w 1821976"/>
                <a:gd name="connsiteY8" fmla="*/ 586854 h 1562669"/>
                <a:gd name="connsiteX9" fmla="*/ 1248770 w 1821976"/>
                <a:gd name="connsiteY9" fmla="*/ 498143 h 1562669"/>
                <a:gd name="connsiteX10" fmla="*/ 1378424 w 1821976"/>
                <a:gd name="connsiteY10" fmla="*/ 436728 h 1562669"/>
                <a:gd name="connsiteX11" fmla="*/ 1460311 w 1821976"/>
                <a:gd name="connsiteY11" fmla="*/ 279779 h 1562669"/>
                <a:gd name="connsiteX12" fmla="*/ 1569493 w 1821976"/>
                <a:gd name="connsiteY12" fmla="*/ 204717 h 1562669"/>
                <a:gd name="connsiteX13" fmla="*/ 1767385 w 1821976"/>
                <a:gd name="connsiteY13" fmla="*/ 225188 h 1562669"/>
                <a:gd name="connsiteX14" fmla="*/ 1821976 w 1821976"/>
                <a:gd name="connsiteY14" fmla="*/ 156949 h 1562669"/>
                <a:gd name="connsiteX15" fmla="*/ 1685499 w 1821976"/>
                <a:gd name="connsiteY15" fmla="*/ 122830 h 1562669"/>
                <a:gd name="connsiteX16" fmla="*/ 1562669 w 1821976"/>
                <a:gd name="connsiteY16" fmla="*/ 81887 h 1562669"/>
                <a:gd name="connsiteX17" fmla="*/ 1521726 w 1821976"/>
                <a:gd name="connsiteY17" fmla="*/ 20472 h 1562669"/>
                <a:gd name="connsiteX18" fmla="*/ 1303362 w 1821976"/>
                <a:gd name="connsiteY18" fmla="*/ 95534 h 1562669"/>
                <a:gd name="connsiteX19" fmla="*/ 1078173 w 1821976"/>
                <a:gd name="connsiteY19" fmla="*/ 0 h 1562669"/>
                <a:gd name="connsiteX20" fmla="*/ 900753 w 1821976"/>
                <a:gd name="connsiteY20" fmla="*/ 13648 h 1562669"/>
                <a:gd name="connsiteX21" fmla="*/ 566382 w 1821976"/>
                <a:gd name="connsiteY21" fmla="*/ 68239 h 1562669"/>
                <a:gd name="connsiteX22" fmla="*/ 423081 w 1821976"/>
                <a:gd name="connsiteY22" fmla="*/ 156949 h 1562669"/>
                <a:gd name="connsiteX23" fmla="*/ 423081 w 1821976"/>
                <a:gd name="connsiteY23" fmla="*/ 279779 h 1562669"/>
                <a:gd name="connsiteX24" fmla="*/ 464024 w 1821976"/>
                <a:gd name="connsiteY24" fmla="*/ 375314 h 1562669"/>
                <a:gd name="connsiteX25" fmla="*/ 395785 w 1821976"/>
                <a:gd name="connsiteY25" fmla="*/ 402609 h 1562669"/>
                <a:gd name="connsiteX26" fmla="*/ 320723 w 1821976"/>
                <a:gd name="connsiteY26" fmla="*/ 416257 h 1562669"/>
                <a:gd name="connsiteX27" fmla="*/ 259308 w 1821976"/>
                <a:gd name="connsiteY27" fmla="*/ 477672 h 1562669"/>
                <a:gd name="connsiteX28" fmla="*/ 197893 w 1821976"/>
                <a:gd name="connsiteY28" fmla="*/ 559558 h 1562669"/>
                <a:gd name="connsiteX29" fmla="*/ 150126 w 1821976"/>
                <a:gd name="connsiteY29" fmla="*/ 627797 h 1562669"/>
                <a:gd name="connsiteX30" fmla="*/ 0 w 1821976"/>
                <a:gd name="connsiteY30" fmla="*/ 1303361 h 1562669"/>
                <a:gd name="connsiteX31" fmla="*/ 47767 w 1821976"/>
                <a:gd name="connsiteY31" fmla="*/ 1405720 h 1562669"/>
                <a:gd name="connsiteX32" fmla="*/ 40944 w 1821976"/>
                <a:gd name="connsiteY32" fmla="*/ 1562669 h 1562669"/>
                <a:gd name="connsiteX33" fmla="*/ 177421 w 1821976"/>
                <a:gd name="connsiteY33" fmla="*/ 1473958 h 1562669"/>
                <a:gd name="connsiteX34" fmla="*/ 402609 w 1821976"/>
                <a:gd name="connsiteY34" fmla="*/ 1521725 h 1562669"/>
                <a:gd name="connsiteX35" fmla="*/ 600502 w 1821976"/>
                <a:gd name="connsiteY35" fmla="*/ 1473958 h 1562669"/>
                <a:gd name="connsiteX36" fmla="*/ 771099 w 1821976"/>
                <a:gd name="connsiteY36" fmla="*/ 1521725 h 1562669"/>
                <a:gd name="connsiteX37" fmla="*/ 907576 w 1821976"/>
                <a:gd name="connsiteY37" fmla="*/ 1487606 h 1562669"/>
                <a:gd name="connsiteX38" fmla="*/ 1003111 w 1821976"/>
                <a:gd name="connsiteY38" fmla="*/ 1501254 h 1562669"/>
                <a:gd name="connsiteX39" fmla="*/ 1187356 w 1821976"/>
                <a:gd name="connsiteY39" fmla="*/ 1446663 h 1562669"/>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 ang="0">
                  <a:pos x="connsiteX38" y="connsiteY38"/>
                </a:cxn>
                <a:cxn ang="0">
                  <a:pos x="connsiteX39" y="connsiteY39"/>
                </a:cxn>
              </a:cxnLst>
              <a:rect l="l" t="t" r="r" b="b"/>
              <a:pathLst>
                <a:path w="1821976" h="1562669">
                  <a:moveTo>
                    <a:pt x="1187356" y="1446663"/>
                  </a:moveTo>
                  <a:lnTo>
                    <a:pt x="1337481" y="1357952"/>
                  </a:lnTo>
                  <a:lnTo>
                    <a:pt x="1235123" y="1187355"/>
                  </a:lnTo>
                  <a:lnTo>
                    <a:pt x="1385248" y="1003111"/>
                  </a:lnTo>
                  <a:lnTo>
                    <a:pt x="1330657" y="866633"/>
                  </a:lnTo>
                  <a:lnTo>
                    <a:pt x="1214651" y="866633"/>
                  </a:lnTo>
                  <a:lnTo>
                    <a:pt x="1091821" y="812042"/>
                  </a:lnTo>
                  <a:lnTo>
                    <a:pt x="1269242" y="655093"/>
                  </a:lnTo>
                  <a:lnTo>
                    <a:pt x="1337481" y="586854"/>
                  </a:lnTo>
                  <a:lnTo>
                    <a:pt x="1248770" y="498143"/>
                  </a:lnTo>
                  <a:lnTo>
                    <a:pt x="1378424" y="436728"/>
                  </a:lnTo>
                  <a:lnTo>
                    <a:pt x="1460311" y="279779"/>
                  </a:lnTo>
                  <a:lnTo>
                    <a:pt x="1569493" y="204717"/>
                  </a:lnTo>
                  <a:lnTo>
                    <a:pt x="1767385" y="225188"/>
                  </a:lnTo>
                  <a:lnTo>
                    <a:pt x="1821976" y="156949"/>
                  </a:lnTo>
                  <a:lnTo>
                    <a:pt x="1685499" y="122830"/>
                  </a:lnTo>
                  <a:lnTo>
                    <a:pt x="1562669" y="81887"/>
                  </a:lnTo>
                  <a:lnTo>
                    <a:pt x="1521726" y="20472"/>
                  </a:lnTo>
                  <a:lnTo>
                    <a:pt x="1303362" y="95534"/>
                  </a:lnTo>
                  <a:lnTo>
                    <a:pt x="1078173" y="0"/>
                  </a:lnTo>
                  <a:lnTo>
                    <a:pt x="900753" y="13648"/>
                  </a:lnTo>
                  <a:lnTo>
                    <a:pt x="566382" y="68239"/>
                  </a:lnTo>
                  <a:lnTo>
                    <a:pt x="423081" y="156949"/>
                  </a:lnTo>
                  <a:lnTo>
                    <a:pt x="423081" y="279779"/>
                  </a:lnTo>
                  <a:lnTo>
                    <a:pt x="464024" y="375314"/>
                  </a:lnTo>
                  <a:lnTo>
                    <a:pt x="395785" y="402609"/>
                  </a:lnTo>
                  <a:lnTo>
                    <a:pt x="320723" y="416257"/>
                  </a:lnTo>
                  <a:lnTo>
                    <a:pt x="259308" y="477672"/>
                  </a:lnTo>
                  <a:lnTo>
                    <a:pt x="197893" y="559558"/>
                  </a:lnTo>
                  <a:lnTo>
                    <a:pt x="150126" y="627797"/>
                  </a:lnTo>
                  <a:lnTo>
                    <a:pt x="0" y="1303361"/>
                  </a:lnTo>
                  <a:lnTo>
                    <a:pt x="47767" y="1405720"/>
                  </a:lnTo>
                  <a:lnTo>
                    <a:pt x="40944" y="1562669"/>
                  </a:lnTo>
                  <a:lnTo>
                    <a:pt x="177421" y="1473958"/>
                  </a:lnTo>
                  <a:lnTo>
                    <a:pt x="402609" y="1521725"/>
                  </a:lnTo>
                  <a:lnTo>
                    <a:pt x="600502" y="1473958"/>
                  </a:lnTo>
                  <a:lnTo>
                    <a:pt x="771099" y="1521725"/>
                  </a:lnTo>
                  <a:lnTo>
                    <a:pt x="907576" y="1487606"/>
                  </a:lnTo>
                  <a:lnTo>
                    <a:pt x="1003111" y="1501254"/>
                  </a:lnTo>
                  <a:lnTo>
                    <a:pt x="1187356" y="1446663"/>
                  </a:lnTo>
                  <a:close/>
                </a:path>
              </a:pathLst>
            </a:custGeom>
            <a:solidFill>
              <a:srgbClr val="FF0000">
                <a:alpha val="38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7" name="צורה חופשית 26"/>
            <p:cNvSpPr/>
            <p:nvPr/>
          </p:nvSpPr>
          <p:spPr>
            <a:xfrm>
              <a:off x="1582306" y="2748782"/>
              <a:ext cx="1092941" cy="1055208"/>
            </a:xfrm>
            <a:custGeom>
              <a:avLst/>
              <a:gdLst>
                <a:gd name="connsiteX0" fmla="*/ 1153236 w 1453487"/>
                <a:gd name="connsiteY0" fmla="*/ 1494430 h 1494430"/>
                <a:gd name="connsiteX1" fmla="*/ 1371600 w 1453487"/>
                <a:gd name="connsiteY1" fmla="*/ 955343 h 1494430"/>
                <a:gd name="connsiteX2" fmla="*/ 1453487 w 1453487"/>
                <a:gd name="connsiteY2" fmla="*/ 300251 h 1494430"/>
                <a:gd name="connsiteX3" fmla="*/ 1303361 w 1453487"/>
                <a:gd name="connsiteY3" fmla="*/ 320722 h 1494430"/>
                <a:gd name="connsiteX4" fmla="*/ 1207827 w 1453487"/>
                <a:gd name="connsiteY4" fmla="*/ 266131 h 1494430"/>
                <a:gd name="connsiteX5" fmla="*/ 1091821 w 1453487"/>
                <a:gd name="connsiteY5" fmla="*/ 334370 h 1494430"/>
                <a:gd name="connsiteX6" fmla="*/ 1044054 w 1453487"/>
                <a:gd name="connsiteY6" fmla="*/ 375313 h 1494430"/>
                <a:gd name="connsiteX7" fmla="*/ 968991 w 1453487"/>
                <a:gd name="connsiteY7" fmla="*/ 320722 h 1494430"/>
                <a:gd name="connsiteX8" fmla="*/ 968991 w 1453487"/>
                <a:gd name="connsiteY8" fmla="*/ 320722 h 1494430"/>
                <a:gd name="connsiteX9" fmla="*/ 996287 w 1453487"/>
                <a:gd name="connsiteY9" fmla="*/ 286603 h 1494430"/>
                <a:gd name="connsiteX10" fmla="*/ 893929 w 1453487"/>
                <a:gd name="connsiteY10" fmla="*/ 177421 h 1494430"/>
                <a:gd name="connsiteX11" fmla="*/ 846161 w 1453487"/>
                <a:gd name="connsiteY11" fmla="*/ 102358 h 1494430"/>
                <a:gd name="connsiteX12" fmla="*/ 805218 w 1453487"/>
                <a:gd name="connsiteY12" fmla="*/ 81887 h 1494430"/>
                <a:gd name="connsiteX13" fmla="*/ 702860 w 1453487"/>
                <a:gd name="connsiteY13" fmla="*/ 0 h 1494430"/>
                <a:gd name="connsiteX14" fmla="*/ 655093 w 1453487"/>
                <a:gd name="connsiteY14" fmla="*/ 54591 h 1494430"/>
                <a:gd name="connsiteX15" fmla="*/ 470848 w 1453487"/>
                <a:gd name="connsiteY15" fmla="*/ 13648 h 1494430"/>
                <a:gd name="connsiteX16" fmla="*/ 348018 w 1453487"/>
                <a:gd name="connsiteY16" fmla="*/ 95534 h 1494430"/>
                <a:gd name="connsiteX17" fmla="*/ 266132 w 1453487"/>
                <a:gd name="connsiteY17" fmla="*/ 259307 h 1494430"/>
                <a:gd name="connsiteX18" fmla="*/ 163773 w 1453487"/>
                <a:gd name="connsiteY18" fmla="*/ 320722 h 1494430"/>
                <a:gd name="connsiteX19" fmla="*/ 238836 w 1453487"/>
                <a:gd name="connsiteY19" fmla="*/ 395785 h 1494430"/>
                <a:gd name="connsiteX20" fmla="*/ 0 w 1453487"/>
                <a:gd name="connsiteY20" fmla="*/ 620973 h 1494430"/>
                <a:gd name="connsiteX21" fmla="*/ 116006 w 1453487"/>
                <a:gd name="connsiteY21" fmla="*/ 696036 h 1494430"/>
                <a:gd name="connsiteX22" fmla="*/ 218364 w 1453487"/>
                <a:gd name="connsiteY22" fmla="*/ 689212 h 1494430"/>
                <a:gd name="connsiteX23" fmla="*/ 300251 w 1453487"/>
                <a:gd name="connsiteY23" fmla="*/ 812042 h 1494430"/>
                <a:gd name="connsiteX24" fmla="*/ 163773 w 1453487"/>
                <a:gd name="connsiteY24" fmla="*/ 989463 h 1494430"/>
                <a:gd name="connsiteX25" fmla="*/ 232012 w 1453487"/>
                <a:gd name="connsiteY25" fmla="*/ 1180531 h 1494430"/>
                <a:gd name="connsiteX26" fmla="*/ 191069 w 1453487"/>
                <a:gd name="connsiteY26" fmla="*/ 1228299 h 1494430"/>
                <a:gd name="connsiteX27" fmla="*/ 156949 w 1453487"/>
                <a:gd name="connsiteY27" fmla="*/ 1269242 h 1494430"/>
                <a:gd name="connsiteX28" fmla="*/ 143302 w 1453487"/>
                <a:gd name="connsiteY28" fmla="*/ 1269242 h 1494430"/>
                <a:gd name="connsiteX29" fmla="*/ 75063 w 1453487"/>
                <a:gd name="connsiteY29" fmla="*/ 1276066 h 1494430"/>
                <a:gd name="connsiteX30" fmla="*/ 334370 w 1453487"/>
                <a:gd name="connsiteY30" fmla="*/ 1269242 h 1494430"/>
                <a:gd name="connsiteX31" fmla="*/ 436729 w 1453487"/>
                <a:gd name="connsiteY31" fmla="*/ 1317009 h 1494430"/>
                <a:gd name="connsiteX32" fmla="*/ 764275 w 1453487"/>
                <a:gd name="connsiteY32" fmla="*/ 1255594 h 1494430"/>
                <a:gd name="connsiteX33" fmla="*/ 873457 w 1453487"/>
                <a:gd name="connsiteY33" fmla="*/ 1364776 h 1494430"/>
                <a:gd name="connsiteX34" fmla="*/ 968991 w 1453487"/>
                <a:gd name="connsiteY34" fmla="*/ 1467134 h 1494430"/>
                <a:gd name="connsiteX35" fmla="*/ 989463 w 1453487"/>
                <a:gd name="connsiteY35" fmla="*/ 1487606 h 1494430"/>
                <a:gd name="connsiteX36" fmla="*/ 1091821 w 1453487"/>
                <a:gd name="connsiteY36" fmla="*/ 1453487 h 1494430"/>
                <a:gd name="connsiteX37" fmla="*/ 1153236 w 1453487"/>
                <a:gd name="connsiteY37" fmla="*/ 1494430 h 1494430"/>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 ang="0">
                  <a:pos x="connsiteX29" y="connsiteY29"/>
                </a:cxn>
                <a:cxn ang="0">
                  <a:pos x="connsiteX30" y="connsiteY30"/>
                </a:cxn>
                <a:cxn ang="0">
                  <a:pos x="connsiteX31" y="connsiteY31"/>
                </a:cxn>
                <a:cxn ang="0">
                  <a:pos x="connsiteX32" y="connsiteY32"/>
                </a:cxn>
                <a:cxn ang="0">
                  <a:pos x="connsiteX33" y="connsiteY33"/>
                </a:cxn>
                <a:cxn ang="0">
                  <a:pos x="connsiteX34" y="connsiteY34"/>
                </a:cxn>
                <a:cxn ang="0">
                  <a:pos x="connsiteX35" y="connsiteY35"/>
                </a:cxn>
                <a:cxn ang="0">
                  <a:pos x="connsiteX36" y="connsiteY36"/>
                </a:cxn>
                <a:cxn ang="0">
                  <a:pos x="connsiteX37" y="connsiteY37"/>
                </a:cxn>
              </a:cxnLst>
              <a:rect l="l" t="t" r="r" b="b"/>
              <a:pathLst>
                <a:path w="1453487" h="1494430">
                  <a:moveTo>
                    <a:pt x="1153236" y="1494430"/>
                  </a:moveTo>
                  <a:lnTo>
                    <a:pt x="1371600" y="955343"/>
                  </a:lnTo>
                  <a:lnTo>
                    <a:pt x="1453487" y="300251"/>
                  </a:lnTo>
                  <a:lnTo>
                    <a:pt x="1303361" y="320722"/>
                  </a:lnTo>
                  <a:lnTo>
                    <a:pt x="1207827" y="266131"/>
                  </a:lnTo>
                  <a:lnTo>
                    <a:pt x="1091821" y="334370"/>
                  </a:lnTo>
                  <a:lnTo>
                    <a:pt x="1044054" y="375313"/>
                  </a:lnTo>
                  <a:lnTo>
                    <a:pt x="968991" y="320722"/>
                  </a:lnTo>
                  <a:lnTo>
                    <a:pt x="968991" y="320722"/>
                  </a:lnTo>
                  <a:lnTo>
                    <a:pt x="996287" y="286603"/>
                  </a:lnTo>
                  <a:lnTo>
                    <a:pt x="893929" y="177421"/>
                  </a:lnTo>
                  <a:lnTo>
                    <a:pt x="846161" y="102358"/>
                  </a:lnTo>
                  <a:lnTo>
                    <a:pt x="805218" y="81887"/>
                  </a:lnTo>
                  <a:lnTo>
                    <a:pt x="702860" y="0"/>
                  </a:lnTo>
                  <a:lnTo>
                    <a:pt x="655093" y="54591"/>
                  </a:lnTo>
                  <a:lnTo>
                    <a:pt x="470848" y="13648"/>
                  </a:lnTo>
                  <a:lnTo>
                    <a:pt x="348018" y="95534"/>
                  </a:lnTo>
                  <a:lnTo>
                    <a:pt x="266132" y="259307"/>
                  </a:lnTo>
                  <a:lnTo>
                    <a:pt x="163773" y="320722"/>
                  </a:lnTo>
                  <a:lnTo>
                    <a:pt x="238836" y="395785"/>
                  </a:lnTo>
                  <a:lnTo>
                    <a:pt x="0" y="620973"/>
                  </a:lnTo>
                  <a:lnTo>
                    <a:pt x="116006" y="696036"/>
                  </a:lnTo>
                  <a:lnTo>
                    <a:pt x="218364" y="689212"/>
                  </a:lnTo>
                  <a:lnTo>
                    <a:pt x="300251" y="812042"/>
                  </a:lnTo>
                  <a:lnTo>
                    <a:pt x="163773" y="989463"/>
                  </a:lnTo>
                  <a:lnTo>
                    <a:pt x="232012" y="1180531"/>
                  </a:lnTo>
                  <a:cubicBezTo>
                    <a:pt x="218364" y="1196454"/>
                    <a:pt x="204170" y="1211923"/>
                    <a:pt x="191069" y="1228299"/>
                  </a:cubicBezTo>
                  <a:cubicBezTo>
                    <a:pt x="178500" y="1244010"/>
                    <a:pt x="175651" y="1258020"/>
                    <a:pt x="156949" y="1269242"/>
                  </a:cubicBezTo>
                  <a:cubicBezTo>
                    <a:pt x="153048" y="1271582"/>
                    <a:pt x="147851" y="1269242"/>
                    <a:pt x="143302" y="1269242"/>
                  </a:cubicBezTo>
                  <a:lnTo>
                    <a:pt x="75063" y="1276066"/>
                  </a:lnTo>
                  <a:lnTo>
                    <a:pt x="334370" y="1269242"/>
                  </a:lnTo>
                  <a:lnTo>
                    <a:pt x="436729" y="1317009"/>
                  </a:lnTo>
                  <a:lnTo>
                    <a:pt x="764275" y="1255594"/>
                  </a:lnTo>
                  <a:lnTo>
                    <a:pt x="873457" y="1364776"/>
                  </a:lnTo>
                  <a:lnTo>
                    <a:pt x="968991" y="1467134"/>
                  </a:lnTo>
                  <a:lnTo>
                    <a:pt x="989463" y="1487606"/>
                  </a:lnTo>
                  <a:lnTo>
                    <a:pt x="1091821" y="1453487"/>
                  </a:lnTo>
                  <a:lnTo>
                    <a:pt x="1153236" y="1494430"/>
                  </a:lnTo>
                  <a:close/>
                </a:path>
              </a:pathLst>
            </a:custGeom>
            <a:solidFill>
              <a:srgbClr val="FFC000">
                <a:alpha val="6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28" name="צורה חופשית 27"/>
            <p:cNvSpPr/>
            <p:nvPr/>
          </p:nvSpPr>
          <p:spPr>
            <a:xfrm>
              <a:off x="869072" y="2026037"/>
              <a:ext cx="1903667" cy="1045572"/>
            </a:xfrm>
            <a:custGeom>
              <a:avLst/>
              <a:gdLst>
                <a:gd name="connsiteX0" fmla="*/ 2402006 w 2531660"/>
                <a:gd name="connsiteY0" fmla="*/ 1337481 h 1480782"/>
                <a:gd name="connsiteX1" fmla="*/ 2531660 w 2531660"/>
                <a:gd name="connsiteY1" fmla="*/ 709683 h 1480782"/>
                <a:gd name="connsiteX2" fmla="*/ 2231409 w 2531660"/>
                <a:gd name="connsiteY2" fmla="*/ 272955 h 1480782"/>
                <a:gd name="connsiteX3" fmla="*/ 1821976 w 2531660"/>
                <a:gd name="connsiteY3" fmla="*/ 129654 h 1480782"/>
                <a:gd name="connsiteX4" fmla="*/ 1665027 w 2531660"/>
                <a:gd name="connsiteY4" fmla="*/ 88710 h 1480782"/>
                <a:gd name="connsiteX5" fmla="*/ 1050877 w 2531660"/>
                <a:gd name="connsiteY5" fmla="*/ 0 h 1480782"/>
                <a:gd name="connsiteX6" fmla="*/ 443552 w 2531660"/>
                <a:gd name="connsiteY6" fmla="*/ 382137 h 1480782"/>
                <a:gd name="connsiteX7" fmla="*/ 259307 w 2531660"/>
                <a:gd name="connsiteY7" fmla="*/ 784746 h 1480782"/>
                <a:gd name="connsiteX8" fmla="*/ 54591 w 2531660"/>
                <a:gd name="connsiteY8" fmla="*/ 1221475 h 1480782"/>
                <a:gd name="connsiteX9" fmla="*/ 0 w 2531660"/>
                <a:gd name="connsiteY9" fmla="*/ 1480782 h 1480782"/>
                <a:gd name="connsiteX10" fmla="*/ 143301 w 2531660"/>
                <a:gd name="connsiteY10" fmla="*/ 1248770 h 1480782"/>
                <a:gd name="connsiteX11" fmla="*/ 313898 w 2531660"/>
                <a:gd name="connsiteY11" fmla="*/ 1228298 h 1480782"/>
                <a:gd name="connsiteX12" fmla="*/ 286603 w 2531660"/>
                <a:gd name="connsiteY12" fmla="*/ 1139588 h 1480782"/>
                <a:gd name="connsiteX13" fmla="*/ 266131 w 2531660"/>
                <a:gd name="connsiteY13" fmla="*/ 996286 h 1480782"/>
                <a:gd name="connsiteX14" fmla="*/ 423080 w 2531660"/>
                <a:gd name="connsiteY14" fmla="*/ 907576 h 1480782"/>
                <a:gd name="connsiteX15" fmla="*/ 859809 w 2531660"/>
                <a:gd name="connsiteY15" fmla="*/ 846161 h 1480782"/>
                <a:gd name="connsiteX16" fmla="*/ 928048 w 2531660"/>
                <a:gd name="connsiteY16" fmla="*/ 852985 h 1480782"/>
                <a:gd name="connsiteX17" fmla="*/ 1146412 w 2531660"/>
                <a:gd name="connsiteY17" fmla="*/ 921224 h 1480782"/>
                <a:gd name="connsiteX18" fmla="*/ 1364776 w 2531660"/>
                <a:gd name="connsiteY18" fmla="*/ 852985 h 1480782"/>
                <a:gd name="connsiteX19" fmla="*/ 1419367 w 2531660"/>
                <a:gd name="connsiteY19" fmla="*/ 928048 h 1480782"/>
                <a:gd name="connsiteX20" fmla="*/ 1658203 w 2531660"/>
                <a:gd name="connsiteY20" fmla="*/ 996286 h 1480782"/>
                <a:gd name="connsiteX21" fmla="*/ 1699146 w 2531660"/>
                <a:gd name="connsiteY21" fmla="*/ 1057701 h 1480782"/>
                <a:gd name="connsiteX22" fmla="*/ 1815152 w 2531660"/>
                <a:gd name="connsiteY22" fmla="*/ 1112292 h 1480782"/>
                <a:gd name="connsiteX23" fmla="*/ 1937982 w 2531660"/>
                <a:gd name="connsiteY23" fmla="*/ 1296537 h 1480782"/>
                <a:gd name="connsiteX24" fmla="*/ 1903863 w 2531660"/>
                <a:gd name="connsiteY24" fmla="*/ 1364776 h 1480782"/>
                <a:gd name="connsiteX25" fmla="*/ 1972101 w 2531660"/>
                <a:gd name="connsiteY25" fmla="*/ 1392072 h 1480782"/>
                <a:gd name="connsiteX26" fmla="*/ 2129051 w 2531660"/>
                <a:gd name="connsiteY26" fmla="*/ 1296537 h 1480782"/>
                <a:gd name="connsiteX27" fmla="*/ 2238233 w 2531660"/>
                <a:gd name="connsiteY27" fmla="*/ 1351128 h 1480782"/>
                <a:gd name="connsiteX28" fmla="*/ 2402006 w 2531660"/>
                <a:gd name="connsiteY28" fmla="*/ 1337481 h 148078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 ang="0">
                  <a:pos x="connsiteX8" y="connsiteY8"/>
                </a:cxn>
                <a:cxn ang="0">
                  <a:pos x="connsiteX9" y="connsiteY9"/>
                </a:cxn>
                <a:cxn ang="0">
                  <a:pos x="connsiteX10" y="connsiteY10"/>
                </a:cxn>
                <a:cxn ang="0">
                  <a:pos x="connsiteX11" y="connsiteY11"/>
                </a:cxn>
                <a:cxn ang="0">
                  <a:pos x="connsiteX12" y="connsiteY12"/>
                </a:cxn>
                <a:cxn ang="0">
                  <a:pos x="connsiteX13" y="connsiteY13"/>
                </a:cxn>
                <a:cxn ang="0">
                  <a:pos x="connsiteX14" y="connsiteY14"/>
                </a:cxn>
                <a:cxn ang="0">
                  <a:pos x="connsiteX15" y="connsiteY15"/>
                </a:cxn>
                <a:cxn ang="0">
                  <a:pos x="connsiteX16" y="connsiteY16"/>
                </a:cxn>
                <a:cxn ang="0">
                  <a:pos x="connsiteX17" y="connsiteY17"/>
                </a:cxn>
                <a:cxn ang="0">
                  <a:pos x="connsiteX18" y="connsiteY18"/>
                </a:cxn>
                <a:cxn ang="0">
                  <a:pos x="connsiteX19" y="connsiteY19"/>
                </a:cxn>
                <a:cxn ang="0">
                  <a:pos x="connsiteX20" y="connsiteY20"/>
                </a:cxn>
                <a:cxn ang="0">
                  <a:pos x="connsiteX21" y="connsiteY21"/>
                </a:cxn>
                <a:cxn ang="0">
                  <a:pos x="connsiteX22" y="connsiteY22"/>
                </a:cxn>
                <a:cxn ang="0">
                  <a:pos x="connsiteX23" y="connsiteY23"/>
                </a:cxn>
                <a:cxn ang="0">
                  <a:pos x="connsiteX24" y="connsiteY24"/>
                </a:cxn>
                <a:cxn ang="0">
                  <a:pos x="connsiteX25" y="connsiteY25"/>
                </a:cxn>
                <a:cxn ang="0">
                  <a:pos x="connsiteX26" y="connsiteY26"/>
                </a:cxn>
                <a:cxn ang="0">
                  <a:pos x="connsiteX27" y="connsiteY27"/>
                </a:cxn>
                <a:cxn ang="0">
                  <a:pos x="connsiteX28" y="connsiteY28"/>
                </a:cxn>
              </a:cxnLst>
              <a:rect l="l" t="t" r="r" b="b"/>
              <a:pathLst>
                <a:path w="2531660" h="1480782">
                  <a:moveTo>
                    <a:pt x="2402006" y="1337481"/>
                  </a:moveTo>
                  <a:lnTo>
                    <a:pt x="2531660" y="709683"/>
                  </a:lnTo>
                  <a:lnTo>
                    <a:pt x="2231409" y="272955"/>
                  </a:lnTo>
                  <a:lnTo>
                    <a:pt x="1821976" y="129654"/>
                  </a:lnTo>
                  <a:lnTo>
                    <a:pt x="1665027" y="88710"/>
                  </a:lnTo>
                  <a:lnTo>
                    <a:pt x="1050877" y="0"/>
                  </a:lnTo>
                  <a:lnTo>
                    <a:pt x="443552" y="382137"/>
                  </a:lnTo>
                  <a:lnTo>
                    <a:pt x="259307" y="784746"/>
                  </a:lnTo>
                  <a:lnTo>
                    <a:pt x="54591" y="1221475"/>
                  </a:lnTo>
                  <a:lnTo>
                    <a:pt x="0" y="1480782"/>
                  </a:lnTo>
                  <a:lnTo>
                    <a:pt x="143301" y="1248770"/>
                  </a:lnTo>
                  <a:lnTo>
                    <a:pt x="313898" y="1228298"/>
                  </a:lnTo>
                  <a:lnTo>
                    <a:pt x="286603" y="1139588"/>
                  </a:lnTo>
                  <a:lnTo>
                    <a:pt x="266131" y="996286"/>
                  </a:lnTo>
                  <a:lnTo>
                    <a:pt x="423080" y="907576"/>
                  </a:lnTo>
                  <a:lnTo>
                    <a:pt x="859809" y="846161"/>
                  </a:lnTo>
                  <a:lnTo>
                    <a:pt x="928048" y="852985"/>
                  </a:lnTo>
                  <a:lnTo>
                    <a:pt x="1146412" y="921224"/>
                  </a:lnTo>
                  <a:lnTo>
                    <a:pt x="1364776" y="852985"/>
                  </a:lnTo>
                  <a:lnTo>
                    <a:pt x="1419367" y="928048"/>
                  </a:lnTo>
                  <a:lnTo>
                    <a:pt x="1658203" y="996286"/>
                  </a:lnTo>
                  <a:lnTo>
                    <a:pt x="1699146" y="1057701"/>
                  </a:lnTo>
                  <a:lnTo>
                    <a:pt x="1815152" y="1112292"/>
                  </a:lnTo>
                  <a:lnTo>
                    <a:pt x="1937982" y="1296537"/>
                  </a:lnTo>
                  <a:lnTo>
                    <a:pt x="1903863" y="1364776"/>
                  </a:lnTo>
                  <a:lnTo>
                    <a:pt x="1972101" y="1392072"/>
                  </a:lnTo>
                  <a:lnTo>
                    <a:pt x="2129051" y="1296537"/>
                  </a:lnTo>
                  <a:lnTo>
                    <a:pt x="2238233" y="1351128"/>
                  </a:lnTo>
                  <a:lnTo>
                    <a:pt x="2402006" y="1337481"/>
                  </a:lnTo>
                  <a:close/>
                </a:path>
              </a:pathLst>
            </a:custGeom>
            <a:solidFill>
              <a:srgbClr val="FFFF00">
                <a:alpha val="65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sz="2400">
                <a:solidFill>
                  <a:prstClr val="white"/>
                </a:solidFill>
                <a:latin typeface="David" pitchFamily="34" charset="-79"/>
                <a:cs typeface="David" pitchFamily="34" charset="-79"/>
              </a:endParaRPr>
            </a:p>
          </p:txBody>
        </p:sp>
        <p:sp>
          <p:nvSpPr>
            <p:cNvPr id="30" name="TextBox 29"/>
            <p:cNvSpPr txBox="1"/>
            <p:nvPr/>
          </p:nvSpPr>
          <p:spPr>
            <a:xfrm>
              <a:off x="1125170" y="4696543"/>
              <a:ext cx="1302734" cy="523220"/>
            </a:xfrm>
            <a:prstGeom prst="rect">
              <a:avLst/>
            </a:prstGeom>
            <a:noFill/>
          </p:spPr>
          <p:txBody>
            <a:bodyPr wrap="square" rtlCol="1" anchor="ctr">
              <a:spAutoFit/>
            </a:bodyPr>
            <a:lstStyle/>
            <a:p>
              <a:pPr algn="ctr"/>
              <a:r>
                <a:rPr lang="en-US" sz="1400" b="1" dirty="0" err="1" smtClean="0">
                  <a:solidFill>
                    <a:prstClr val="white"/>
                  </a:solidFill>
                  <a:effectLst>
                    <a:glow rad="228600">
                      <a:srgbClr val="0BD0D9"/>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Etzion</a:t>
              </a:r>
              <a:endParaRPr lang="en-US" sz="1400" b="1" dirty="0">
                <a:solidFill>
                  <a:prstClr val="white"/>
                </a:solidFill>
                <a:effectLst>
                  <a:glow rad="228600">
                    <a:srgbClr val="0BD0D9"/>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sz="1400" b="1" dirty="0" smtClean="0">
                  <a:solidFill>
                    <a:prstClr val="white"/>
                  </a:solidFill>
                  <a:effectLst>
                    <a:glow rad="228600">
                      <a:srgbClr val="0BD0D9"/>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0BD0D9"/>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1" name="TextBox 30"/>
            <p:cNvSpPr txBox="1"/>
            <p:nvPr/>
          </p:nvSpPr>
          <p:spPr>
            <a:xfrm>
              <a:off x="944158" y="3826063"/>
              <a:ext cx="1302734" cy="523220"/>
            </a:xfrm>
            <a:prstGeom prst="rect">
              <a:avLst/>
            </a:prstGeom>
            <a:noFill/>
          </p:spPr>
          <p:txBody>
            <a:bodyPr wrap="square" rtlCol="1" anchor="ctr">
              <a:spAutoFit/>
            </a:bodyPr>
            <a:lstStyle/>
            <a:p>
              <a:pPr algn="ctr"/>
              <a:r>
                <a:rPr lang="en-US" sz="1400" b="1" dirty="0" smtClean="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inyamin</a:t>
              </a:r>
            </a:p>
            <a:p>
              <a:pPr algn="ctr"/>
              <a:r>
                <a:rPr lang="en-US" sz="1400" b="1" dirty="0" smtClean="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660066"/>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4" name="TextBox 33"/>
            <p:cNvSpPr txBox="1"/>
            <p:nvPr/>
          </p:nvSpPr>
          <p:spPr>
            <a:xfrm>
              <a:off x="476789" y="5529656"/>
              <a:ext cx="1302734" cy="523220"/>
            </a:xfrm>
            <a:prstGeom prst="rect">
              <a:avLst/>
            </a:prstGeom>
            <a:noFill/>
          </p:spPr>
          <p:txBody>
            <a:bodyPr wrap="square" rtlCol="1" anchor="ctr">
              <a:spAutoFit/>
            </a:bodyPr>
            <a:lstStyle/>
            <a:p>
              <a:pPr algn="ctr"/>
              <a:r>
                <a:rPr lang="en-US" sz="1400" b="1" dirty="0" smtClean="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Judas</a:t>
              </a:r>
            </a:p>
            <a:p>
              <a:pPr algn="ctr"/>
              <a:r>
                <a:rPr lang="en-US" sz="1400" b="1" dirty="0" smtClean="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3399FF"/>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5" name="TextBox 34"/>
            <p:cNvSpPr txBox="1"/>
            <p:nvPr/>
          </p:nvSpPr>
          <p:spPr>
            <a:xfrm>
              <a:off x="638169" y="3026762"/>
              <a:ext cx="1302734" cy="523220"/>
            </a:xfrm>
            <a:prstGeom prst="rect">
              <a:avLst/>
            </a:prstGeom>
            <a:noFill/>
          </p:spPr>
          <p:txBody>
            <a:bodyPr wrap="square" rtlCol="1" anchor="ctr">
              <a:spAutoFit/>
            </a:bodyPr>
            <a:lstStyle/>
            <a:p>
              <a:pPr algn="ctr"/>
              <a:r>
                <a:rPr lang="en-US" sz="1400" b="1" dirty="0" err="1"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Efraim</a:t>
              </a:r>
              <a:endParaRPr lang="en-US" sz="1400" b="1" dirty="0"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sz="1400" b="1" dirty="0" smtClean="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C000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6" name="TextBox 35"/>
            <p:cNvSpPr txBox="1"/>
            <p:nvPr/>
          </p:nvSpPr>
          <p:spPr>
            <a:xfrm>
              <a:off x="1525542" y="3029175"/>
              <a:ext cx="1302734" cy="523220"/>
            </a:xfrm>
            <a:prstGeom prst="rect">
              <a:avLst/>
            </a:prstGeom>
            <a:noFill/>
          </p:spPr>
          <p:txBody>
            <a:bodyPr wrap="square" rtlCol="1" anchor="ctr">
              <a:spAutoFit/>
            </a:bodyPr>
            <a:lstStyle/>
            <a:p>
              <a:pPr algn="ctr"/>
              <a:r>
                <a:rPr lang="en-US" sz="1400" b="1" dirty="0" err="1" smtClean="0">
                  <a:solidFill>
                    <a:prstClr val="white"/>
                  </a:solidFill>
                  <a:effectLst>
                    <a:glow rad="228600">
                      <a:srgbClr val="F67B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Shomron</a:t>
              </a:r>
              <a:endParaRPr lang="en-US" sz="1400" b="1" dirty="0" smtClean="0">
                <a:solidFill>
                  <a:prstClr val="white"/>
                </a:solidFill>
                <a:effectLst>
                  <a:glow rad="228600">
                    <a:srgbClr val="F67B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sz="1400" b="1" dirty="0" smtClean="0">
                  <a:solidFill>
                    <a:prstClr val="white"/>
                  </a:solidFill>
                  <a:effectLst>
                    <a:glow rad="228600">
                      <a:srgbClr val="F67B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solidFill>
                  <a:prstClr val="white"/>
                </a:solidFill>
                <a:effectLst>
                  <a:glow rad="228600">
                    <a:srgbClr val="F67B00"/>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sp>
          <p:nvSpPr>
            <p:cNvPr id="37" name="TextBox 36"/>
            <p:cNvSpPr txBox="1"/>
            <p:nvPr/>
          </p:nvSpPr>
          <p:spPr>
            <a:xfrm>
              <a:off x="1255144" y="2104254"/>
              <a:ext cx="1302734" cy="523220"/>
            </a:xfrm>
            <a:prstGeom prst="rect">
              <a:avLst/>
            </a:prstGeom>
            <a:noFill/>
          </p:spPr>
          <p:txBody>
            <a:bodyPr wrap="square" rtlCol="1" anchor="ctr">
              <a:spAutoFit/>
            </a:bodyPr>
            <a:lstStyle/>
            <a:p>
              <a:pPr algn="ctr"/>
              <a:r>
                <a:rPr lang="en-US" sz="1400" b="1" dirty="0" err="1" smtClean="0">
                  <a:effectLst>
                    <a:glow rad="635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Menashe</a:t>
              </a:r>
              <a:endParaRPr lang="en-US" sz="1400" b="1" dirty="0" smtClean="0">
                <a:effectLst>
                  <a:glow rad="635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a:p>
              <a:pPr algn="ctr"/>
              <a:r>
                <a:rPr lang="en-US" sz="1400" b="1" dirty="0" smtClean="0">
                  <a:effectLst>
                    <a:glow rad="635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rPr>
                <a:t>Brigade</a:t>
              </a:r>
              <a:endParaRPr lang="he-IL" sz="1400" b="1" dirty="0">
                <a:effectLst>
                  <a:glow rad="63500">
                    <a:srgbClr val="FFC000">
                      <a:alpha val="40000"/>
                    </a:srgbClr>
                  </a:glow>
                  <a:outerShdw blurRad="38100" dist="38100" dir="2700000" algn="tl">
                    <a:srgbClr val="000000">
                      <a:alpha val="43137"/>
                    </a:srgbClr>
                  </a:outerShdw>
                </a:effectLst>
                <a:latin typeface="Guttman Hatzvi" panose="02010401010101010101" pitchFamily="2" charset="-79"/>
                <a:cs typeface="Guttman Hatzvi" panose="02010401010101010101" pitchFamily="2" charset="-79"/>
              </a:endParaRPr>
            </a:p>
          </p:txBody>
        </p:sp>
      </p:grpSp>
      <p:sp>
        <p:nvSpPr>
          <p:cNvPr id="40" name="TextBox 39"/>
          <p:cNvSpPr txBox="1"/>
          <p:nvPr/>
        </p:nvSpPr>
        <p:spPr>
          <a:xfrm>
            <a:off x="323820" y="1277633"/>
            <a:ext cx="2497849" cy="584775"/>
          </a:xfrm>
          <a:prstGeom prst="rect">
            <a:avLst/>
          </a:prstGeom>
          <a:noFill/>
        </p:spPr>
        <p:txBody>
          <a:bodyPr wrap="square" rtlCol="1">
            <a:spAutoFit/>
          </a:bodyPr>
          <a:lstStyle/>
          <a:p>
            <a:pPr algn="ctr"/>
            <a:r>
              <a:rPr lang="en-US" sz="1600" b="1" dirty="0" smtClean="0">
                <a:solidFill>
                  <a:srgbClr val="0070C0"/>
                </a:solidFill>
                <a:effectLst/>
                <a:cs typeface="Guttman Hatzvi" panose="02010401010101010101" pitchFamily="2" charset="-79"/>
              </a:rPr>
              <a:t>877 Division:</a:t>
            </a:r>
          </a:p>
          <a:p>
            <a:pPr algn="ctr"/>
            <a:r>
              <a:rPr lang="en-US" sz="1600" dirty="0">
                <a:solidFill>
                  <a:srgbClr val="0070C0"/>
                </a:solidFill>
                <a:cs typeface="Guttman Hatzvi" panose="02010401010101010101" pitchFamily="2" charset="-79"/>
              </a:rPr>
              <a:t>BG </a:t>
            </a:r>
            <a:r>
              <a:rPr lang="en-US" sz="1600" dirty="0" err="1">
                <a:solidFill>
                  <a:srgbClr val="0070C0"/>
                </a:solidFill>
                <a:cs typeface="Guttman Hatzvi" panose="02010401010101010101" pitchFamily="2" charset="-79"/>
              </a:rPr>
              <a:t>Eran</a:t>
            </a:r>
            <a:r>
              <a:rPr lang="en-US" sz="1600" dirty="0">
                <a:solidFill>
                  <a:srgbClr val="0070C0"/>
                </a:solidFill>
                <a:cs typeface="Guttman Hatzvi" panose="02010401010101010101" pitchFamily="2" charset="-79"/>
              </a:rPr>
              <a:t> </a:t>
            </a:r>
            <a:r>
              <a:rPr lang="en-US" sz="1600" dirty="0" err="1">
                <a:solidFill>
                  <a:srgbClr val="0070C0"/>
                </a:solidFill>
                <a:cs typeface="Guttman Hatzvi" panose="02010401010101010101" pitchFamily="2" charset="-79"/>
              </a:rPr>
              <a:t>Niv</a:t>
            </a:r>
            <a:endParaRPr lang="he-IL" sz="1600" dirty="0">
              <a:solidFill>
                <a:srgbClr val="0070C0"/>
              </a:solidFill>
              <a:cs typeface="Guttman Hatzvi" panose="02010401010101010101" pitchFamily="2" charset="-79"/>
            </a:endParaRPr>
          </a:p>
        </p:txBody>
      </p:sp>
      <p:sp>
        <p:nvSpPr>
          <p:cNvPr id="33" name="מלבן 32"/>
          <p:cNvSpPr/>
          <p:nvPr/>
        </p:nvSpPr>
        <p:spPr>
          <a:xfrm>
            <a:off x="1" y="0"/>
            <a:ext cx="9144000" cy="756481"/>
          </a:xfrm>
          <a:prstGeom prst="rect">
            <a:avLst/>
          </a:prstGeom>
        </p:spPr>
        <p:txBody>
          <a:bodyPr wrap="square" anchor="ctr">
            <a:noAutofit/>
          </a:bodyPr>
          <a:lstStyle/>
          <a:p>
            <a:pPr algn="ctr">
              <a:spcBef>
                <a:spcPct val="0"/>
              </a:spcBef>
            </a:pPr>
            <a:r>
              <a:rPr lang="en-US" sz="2800" b="1" dirty="0" smtClean="0">
                <a:ea typeface="+mj-ea"/>
                <a:cs typeface="Guttman Hatzvi" panose="02010401010101010101" pitchFamily="2" charset="-79"/>
              </a:rPr>
              <a:t>Central Command</a:t>
            </a:r>
            <a:endParaRPr lang="he-IL" sz="2800" b="1" dirty="0">
              <a:ea typeface="+mj-ea"/>
              <a:cs typeface="Guttman Hatzvi" panose="02010401010101010101" pitchFamily="2" charset="-79"/>
            </a:endParaRPr>
          </a:p>
        </p:txBody>
      </p:sp>
      <p:pic>
        <p:nvPicPr>
          <p:cNvPr id="32" name="תמונה 31"/>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a:xfrm>
            <a:off x="5231861" y="994951"/>
            <a:ext cx="599115" cy="599115"/>
          </a:xfrm>
          <a:prstGeom prst="rect">
            <a:avLst/>
          </a:prstGeom>
        </p:spPr>
      </p:pic>
      <p:pic>
        <p:nvPicPr>
          <p:cNvPr id="44" name="תמונה 43"/>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a:xfrm>
            <a:off x="8435385" y="1305702"/>
            <a:ext cx="410372" cy="556706"/>
          </a:xfrm>
          <a:prstGeom prst="rect">
            <a:avLst/>
          </a:prstGeom>
        </p:spPr>
      </p:pic>
      <p:pic>
        <p:nvPicPr>
          <p:cNvPr id="2" name="תמונה 1"/>
          <p:cNvPicPr>
            <a:picLocks noChangeAspect="1"/>
          </p:cNvPicPr>
          <p:nvPr/>
        </p:nvPicPr>
        <p:blipFill>
          <a:blip r:embed="rId6">
            <a:extLst>
              <a:ext uri="{28A0092B-C50C-407E-A947-70E740481C1C}">
                <a14:useLocalDpi xmlns:a14="http://schemas.microsoft.com/office/drawing/2010/main" val="0"/>
              </a:ext>
            </a:extLst>
          </a:blip>
          <a:stretch>
            <a:fillRect/>
          </a:stretch>
        </p:blipFill>
        <p:spPr>
          <a:xfrm>
            <a:off x="2431622" y="1302947"/>
            <a:ext cx="390047" cy="549152"/>
          </a:xfrm>
          <a:prstGeom prst="rect">
            <a:avLst/>
          </a:prstGeom>
        </p:spPr>
      </p:pic>
    </p:spTree>
    <p:extLst>
      <p:ext uri="{BB962C8B-B14F-4D97-AF65-F5344CB8AC3E}">
        <p14:creationId xmlns:p14="http://schemas.microsoft.com/office/powerpoint/2010/main" val="493492527"/>
      </p:ext>
    </p:extLst>
  </p:cSld>
  <p:clrMapOvr>
    <a:masterClrMapping/>
  </p:clrMapOvr>
  <p:transition/>
  <p:timing>
    <p:tnLst>
      <p:par>
        <p:cTn id="1" dur="indefinite" restart="never" nodeType="tmRoot"/>
      </p:par>
    </p:tnLst>
  </p:timing>
</p:sld>
</file>

<file path=ppt/theme/theme1.xml><?xml version="1.0" encoding="utf-8"?>
<a:theme xmlns:a="http://schemas.openxmlformats.org/drawingml/2006/main" name="ערכת נושא Office">
  <a:themeElements>
    <a:clrScheme name="ערכת נושא 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ערכת נושא 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ערכת נושא 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docProps/app.xml><?xml version="1.0" encoding="utf-8"?>
<Properties xmlns="http://schemas.openxmlformats.org/officeDocument/2006/extended-properties" xmlns:vt="http://schemas.openxmlformats.org/officeDocument/2006/docPropsVTypes">
  <Template>Office Theme</Template>
  <TotalTime>20466</TotalTime>
  <Words>1085</Words>
  <Application>Microsoft Office PowerPoint</Application>
  <PresentationFormat>On-screen Show (4:3)</PresentationFormat>
  <Paragraphs>215</Paragraphs>
  <Slides>13</Slides>
  <Notes>1</Notes>
  <HiddenSlides>2</HiddenSlides>
  <MMClips>0</MMClips>
  <ScaleCrop>false</ScaleCrop>
  <HeadingPairs>
    <vt:vector size="6" baseType="variant">
      <vt:variant>
        <vt:lpstr>Fonts Used</vt:lpstr>
      </vt:variant>
      <vt:variant>
        <vt:i4>9</vt:i4>
      </vt:variant>
      <vt:variant>
        <vt:lpstr>Theme</vt:lpstr>
      </vt:variant>
      <vt:variant>
        <vt:i4>1</vt:i4>
      </vt:variant>
      <vt:variant>
        <vt:lpstr>Slide Titles</vt:lpstr>
      </vt:variant>
      <vt:variant>
        <vt:i4>13</vt:i4>
      </vt:variant>
    </vt:vector>
  </HeadingPairs>
  <TitlesOfParts>
    <vt:vector size="23" baseType="lpstr">
      <vt:lpstr>Arial</vt:lpstr>
      <vt:lpstr>Calibri</vt:lpstr>
      <vt:lpstr>Calibri Light</vt:lpstr>
      <vt:lpstr>Constantia</vt:lpstr>
      <vt:lpstr>David</vt:lpstr>
      <vt:lpstr>Guttman Hatzvi</vt:lpstr>
      <vt:lpstr>Segoe UI</vt:lpstr>
      <vt:lpstr>Times New Roman</vt:lpstr>
      <vt:lpstr>Wingdings</vt:lpstr>
      <vt:lpstr>ערכת נושא Office</vt:lpstr>
      <vt:lpstr>PowerPoint Presentation</vt:lpstr>
      <vt:lpstr>IDF Structure</vt:lpstr>
      <vt:lpstr>IDF Ranks and Positions</vt:lpstr>
      <vt:lpstr>PowerPoint Presentation</vt:lpstr>
      <vt:lpstr>PowerPoint Presentation</vt:lpstr>
      <vt:lpstr>PowerPoint Presentation</vt:lpstr>
      <vt:lpstr>PowerPoint Presentation</vt:lpstr>
      <vt:lpstr>PowerPoint Presentation</vt:lpstr>
      <vt:lpstr>PowerPoint Presentation</vt:lpstr>
      <vt:lpstr>PowerPoint Presentation</vt:lpstr>
      <vt:lpstr>Structure of the IDF Military Colleges</vt:lpstr>
      <vt:lpstr>PowerPoint Presentation</vt:lpstr>
      <vt:lpstr>PowerPoint Presentation</vt:lpstr>
    </vt:vector>
  </TitlesOfParts>
  <Company>IDF</Company>
  <LinksUpToDate>false</LinksUpToDate>
  <SharedDoc>false</SharedDoc>
  <HyperlinksChanged>false</HyperlinksChanged>
  <AppVersion>15.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מצגת של PowerPoint</dc:title>
  <dc:creator>s7497695</dc:creator>
  <cp:lastModifiedBy>GOI</cp:lastModifiedBy>
  <cp:revision>44</cp:revision>
  <cp:lastPrinted>2018-01-03T08:49:39Z</cp:lastPrinted>
  <dcterms:created xsi:type="dcterms:W3CDTF">2017-09-27T13:07:14Z</dcterms:created>
  <dcterms:modified xsi:type="dcterms:W3CDTF">2018-07-09T11:00:09Z</dcterms:modified>
</cp:coreProperties>
</file>